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drawings/drawing6.xml" ContentType="application/vnd.openxmlformats-officedocument.drawing+xml"/>
  <Override PartName="/xl/charts/chart11.xml" ContentType="application/vnd.openxmlformats-officedocument.drawingml.chart+xml"/>
  <Override PartName="/xl/charts/chart12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10F225C2-1B45-4243-A149-3637978418FD}" xr6:coauthVersionLast="47" xr6:coauthVersionMax="47" xr10:uidLastSave="{00000000-0000-0000-0000-000000000000}"/>
  <bookViews>
    <workbookView xWindow="-108" yWindow="-108" windowWidth="23256" windowHeight="12576" xr2:uid="{D33BD3B1-ACE1-4DB9-A16A-481E0AB91B0F}"/>
  </bookViews>
  <sheets>
    <sheet name="０１０１下タ" sheetId="1" r:id="rId1"/>
    <sheet name="０１０２小羽" sheetId="2" r:id="rId2"/>
    <sheet name="０１０３船峅" sheetId="3" r:id="rId3"/>
    <sheet name="０１０４大沢野" sheetId="4" r:id="rId4"/>
    <sheet name="０１０５大久保" sheetId="5" r:id="rId5"/>
    <sheet name="大沢野地域計" sheetId="6" r:id="rId6"/>
  </sheets>
  <externalReferences>
    <externalReference r:id="rId7"/>
  </externalReferences>
  <definedNames>
    <definedName name="_xlnm.Print_Area" localSheetId="0">'０１０１下タ'!$A$1:$Q$167</definedName>
    <definedName name="_xlnm.Print_Area" localSheetId="1">'０１０２小羽'!$A$1:$Q$167</definedName>
    <definedName name="_xlnm.Print_Area" localSheetId="2">'０１０３船峅'!$A$1:$Q$167</definedName>
    <definedName name="_xlnm.Print_Area" localSheetId="3">'０１０４大沢野'!$A$1:$Q$167</definedName>
    <definedName name="_xlnm.Print_Area" localSheetId="4">'０１０５大久保'!$A$1:$Q$167</definedName>
    <definedName name="_xlnm.Print_Area" localSheetId="5">大沢野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66" i="6" l="1"/>
  <c r="Q165" i="6"/>
  <c r="L165" i="6"/>
  <c r="L164" i="6"/>
  <c r="Q159" i="6"/>
  <c r="Q164" i="6" s="1"/>
  <c r="K159" i="6"/>
  <c r="K164" i="6" s="1"/>
  <c r="J159" i="6"/>
  <c r="J164" i="6" s="1"/>
  <c r="P158" i="6"/>
  <c r="O158" i="6"/>
  <c r="N158" i="6"/>
  <c r="M158" i="6"/>
  <c r="L158" i="6"/>
  <c r="K158" i="6"/>
  <c r="K166" i="6" s="1"/>
  <c r="J158" i="6"/>
  <c r="I158" i="6"/>
  <c r="H158" i="6"/>
  <c r="G158" i="6"/>
  <c r="P157" i="6"/>
  <c r="O157" i="6"/>
  <c r="N157" i="6"/>
  <c r="M157" i="6"/>
  <c r="L157" i="6"/>
  <c r="K157" i="6"/>
  <c r="J157" i="6"/>
  <c r="I157" i="6"/>
  <c r="H157" i="6"/>
  <c r="G157" i="6"/>
  <c r="P156" i="6"/>
  <c r="P159" i="6" s="1"/>
  <c r="P165" i="6" s="1"/>
  <c r="O156" i="6"/>
  <c r="N156" i="6"/>
  <c r="M156" i="6"/>
  <c r="L156" i="6"/>
  <c r="L159" i="6" s="1"/>
  <c r="K156" i="6"/>
  <c r="J156" i="6"/>
  <c r="I156" i="6"/>
  <c r="H156" i="6"/>
  <c r="H159" i="6" s="1"/>
  <c r="H165" i="6" s="1"/>
  <c r="G156" i="6"/>
  <c r="Q151" i="6"/>
  <c r="P151" i="6"/>
  <c r="O151" i="6"/>
  <c r="N151" i="6"/>
  <c r="M151" i="6"/>
  <c r="L151" i="6"/>
  <c r="K151" i="6"/>
  <c r="J151" i="6"/>
  <c r="I151" i="6"/>
  <c r="H151" i="6"/>
  <c r="G151" i="6"/>
  <c r="Q120" i="6"/>
  <c r="Q119" i="6"/>
  <c r="M119" i="6"/>
  <c r="Q118" i="6"/>
  <c r="M118" i="6"/>
  <c r="Q113" i="6"/>
  <c r="L113" i="6"/>
  <c r="L118" i="6" s="1"/>
  <c r="K113" i="6"/>
  <c r="K118" i="6" s="1"/>
  <c r="P112" i="6"/>
  <c r="O112" i="6"/>
  <c r="N112" i="6"/>
  <c r="M112" i="6"/>
  <c r="L112" i="6"/>
  <c r="L120" i="6" s="1"/>
  <c r="K112" i="6"/>
  <c r="J112" i="6"/>
  <c r="I112" i="6"/>
  <c r="H112" i="6"/>
  <c r="G112" i="6"/>
  <c r="P111" i="6"/>
  <c r="O111" i="6"/>
  <c r="N111" i="6"/>
  <c r="M111" i="6"/>
  <c r="L111" i="6"/>
  <c r="K111" i="6"/>
  <c r="J111" i="6"/>
  <c r="I111" i="6"/>
  <c r="H111" i="6"/>
  <c r="G111" i="6"/>
  <c r="P110" i="6"/>
  <c r="O110" i="6"/>
  <c r="N110" i="6"/>
  <c r="M110" i="6"/>
  <c r="M113" i="6" s="1"/>
  <c r="L110" i="6"/>
  <c r="K110" i="6"/>
  <c r="J110" i="6"/>
  <c r="I110" i="6"/>
  <c r="I113" i="6" s="1"/>
  <c r="I119" i="6" s="1"/>
  <c r="H110" i="6"/>
  <c r="G110" i="6"/>
  <c r="Q105" i="6"/>
  <c r="P105" i="6"/>
  <c r="O105" i="6"/>
  <c r="N105" i="6"/>
  <c r="M105" i="6"/>
  <c r="L105" i="6"/>
  <c r="K105" i="6"/>
  <c r="J105" i="6"/>
  <c r="I105" i="6"/>
  <c r="H105" i="6"/>
  <c r="G105" i="6"/>
  <c r="Q25" i="6"/>
  <c r="P25" i="6"/>
  <c r="O25" i="6"/>
  <c r="N25" i="6"/>
  <c r="M25" i="6"/>
  <c r="L25" i="6"/>
  <c r="K25" i="6"/>
  <c r="J25" i="6"/>
  <c r="I25" i="6"/>
  <c r="H25" i="6"/>
  <c r="G25" i="6"/>
  <c r="Q24" i="6"/>
  <c r="P24" i="6"/>
  <c r="O24" i="6"/>
  <c r="N24" i="6"/>
  <c r="M24" i="6"/>
  <c r="L24" i="6"/>
  <c r="K24" i="6"/>
  <c r="J24" i="6"/>
  <c r="I24" i="6"/>
  <c r="H24" i="6"/>
  <c r="G24" i="6"/>
  <c r="Q23" i="6"/>
  <c r="P23" i="6"/>
  <c r="O23" i="6"/>
  <c r="N23" i="6"/>
  <c r="M23" i="6"/>
  <c r="L23" i="6"/>
  <c r="K23" i="6"/>
  <c r="J23" i="6"/>
  <c r="I23" i="6"/>
  <c r="H23" i="6"/>
  <c r="G23" i="6"/>
  <c r="Q22" i="6"/>
  <c r="P22" i="6"/>
  <c r="O22" i="6"/>
  <c r="N22" i="6"/>
  <c r="M22" i="6"/>
  <c r="L22" i="6"/>
  <c r="K22" i="6"/>
  <c r="J22" i="6"/>
  <c r="I22" i="6"/>
  <c r="H22" i="6"/>
  <c r="G22" i="6"/>
  <c r="Q21" i="6"/>
  <c r="P21" i="6"/>
  <c r="O21" i="6"/>
  <c r="N21" i="6"/>
  <c r="M21" i="6"/>
  <c r="L21" i="6"/>
  <c r="K21" i="6"/>
  <c r="J21" i="6"/>
  <c r="I21" i="6"/>
  <c r="H21" i="6"/>
  <c r="G21" i="6"/>
  <c r="Q20" i="6"/>
  <c r="P20" i="6"/>
  <c r="O20" i="6"/>
  <c r="O33" i="6" s="1"/>
  <c r="N20" i="6"/>
  <c r="M20" i="6"/>
  <c r="L20" i="6"/>
  <c r="K20" i="6"/>
  <c r="K33" i="6" s="1"/>
  <c r="J20" i="6"/>
  <c r="I20" i="6"/>
  <c r="H20" i="6"/>
  <c r="G20" i="6"/>
  <c r="G33" i="6" s="1"/>
  <c r="Q19" i="6"/>
  <c r="P19" i="6"/>
  <c r="O19" i="6"/>
  <c r="N19" i="6"/>
  <c r="N33" i="6" s="1"/>
  <c r="M19" i="6"/>
  <c r="L19" i="6"/>
  <c r="K19" i="6"/>
  <c r="J19" i="6"/>
  <c r="J33" i="6" s="1"/>
  <c r="I19" i="6"/>
  <c r="H19" i="6"/>
  <c r="G19" i="6"/>
  <c r="Q18" i="6"/>
  <c r="Q33" i="6" s="1"/>
  <c r="P18" i="6"/>
  <c r="P33" i="6" s="1"/>
  <c r="O18" i="6"/>
  <c r="N18" i="6"/>
  <c r="M18" i="6"/>
  <c r="M33" i="6" s="1"/>
  <c r="L18" i="6"/>
  <c r="L33" i="6" s="1"/>
  <c r="K18" i="6"/>
  <c r="J18" i="6"/>
  <c r="I18" i="6"/>
  <c r="I33" i="6" s="1"/>
  <c r="H18" i="6"/>
  <c r="H33" i="6" s="1"/>
  <c r="G18" i="6"/>
  <c r="Q17" i="6"/>
  <c r="P17" i="6"/>
  <c r="O17" i="6"/>
  <c r="N17" i="6"/>
  <c r="M17" i="6"/>
  <c r="L17" i="6"/>
  <c r="K17" i="6"/>
  <c r="J17" i="6"/>
  <c r="I17" i="6"/>
  <c r="H17" i="6"/>
  <c r="G17" i="6"/>
  <c r="Q16" i="6"/>
  <c r="P16" i="6"/>
  <c r="O16" i="6"/>
  <c r="N16" i="6"/>
  <c r="M16" i="6"/>
  <c r="L16" i="6"/>
  <c r="K16" i="6"/>
  <c r="J16" i="6"/>
  <c r="I16" i="6"/>
  <c r="H16" i="6"/>
  <c r="G16" i="6"/>
  <c r="Q15" i="6"/>
  <c r="P15" i="6"/>
  <c r="O15" i="6"/>
  <c r="N15" i="6"/>
  <c r="M15" i="6"/>
  <c r="L15" i="6"/>
  <c r="K15" i="6"/>
  <c r="J15" i="6"/>
  <c r="I15" i="6"/>
  <c r="H15" i="6"/>
  <c r="G15" i="6"/>
  <c r="Q14" i="6"/>
  <c r="P14" i="6"/>
  <c r="O14" i="6"/>
  <c r="N14" i="6"/>
  <c r="M14" i="6"/>
  <c r="L14" i="6"/>
  <c r="K14" i="6"/>
  <c r="J14" i="6"/>
  <c r="I14" i="6"/>
  <c r="H14" i="6"/>
  <c r="G14" i="6"/>
  <c r="Q13" i="6"/>
  <c r="P13" i="6"/>
  <c r="O13" i="6"/>
  <c r="N13" i="6"/>
  <c r="M13" i="6"/>
  <c r="L13" i="6"/>
  <c r="K13" i="6"/>
  <c r="J13" i="6"/>
  <c r="I13" i="6"/>
  <c r="H13" i="6"/>
  <c r="G13" i="6"/>
  <c r="Q12" i="6"/>
  <c r="P12" i="6"/>
  <c r="O12" i="6"/>
  <c r="N12" i="6"/>
  <c r="M12" i="6"/>
  <c r="L12" i="6"/>
  <c r="K12" i="6"/>
  <c r="J12" i="6"/>
  <c r="I12" i="6"/>
  <c r="H12" i="6"/>
  <c r="G12" i="6"/>
  <c r="Q11" i="6"/>
  <c r="P11" i="6"/>
  <c r="O11" i="6"/>
  <c r="N11" i="6"/>
  <c r="M11" i="6"/>
  <c r="L11" i="6"/>
  <c r="K11" i="6"/>
  <c r="J11" i="6"/>
  <c r="I11" i="6"/>
  <c r="H11" i="6"/>
  <c r="G11" i="6"/>
  <c r="Q10" i="6"/>
  <c r="P10" i="6"/>
  <c r="O10" i="6"/>
  <c r="N10" i="6"/>
  <c r="M10" i="6"/>
  <c r="L10" i="6"/>
  <c r="K10" i="6"/>
  <c r="J10" i="6"/>
  <c r="I10" i="6"/>
  <c r="H10" i="6"/>
  <c r="G10" i="6"/>
  <c r="Q9" i="6"/>
  <c r="P9" i="6"/>
  <c r="O9" i="6"/>
  <c r="N9" i="6"/>
  <c r="M9" i="6"/>
  <c r="L9" i="6"/>
  <c r="K9" i="6"/>
  <c r="J9" i="6"/>
  <c r="I9" i="6"/>
  <c r="H9" i="6"/>
  <c r="G9" i="6"/>
  <c r="Q8" i="6"/>
  <c r="P8" i="6"/>
  <c r="O8" i="6"/>
  <c r="O32" i="6" s="1"/>
  <c r="N8" i="6"/>
  <c r="N32" i="6" s="1"/>
  <c r="M8" i="6"/>
  <c r="L8" i="6"/>
  <c r="K8" i="6"/>
  <c r="K32" i="6" s="1"/>
  <c r="J8" i="6"/>
  <c r="J32" i="6" s="1"/>
  <c r="I8" i="6"/>
  <c r="H8" i="6"/>
  <c r="G8" i="6"/>
  <c r="G32" i="6" s="1"/>
  <c r="Q7" i="6"/>
  <c r="P7" i="6"/>
  <c r="O7" i="6"/>
  <c r="N7" i="6"/>
  <c r="N31" i="6" s="1"/>
  <c r="M7" i="6"/>
  <c r="L7" i="6"/>
  <c r="K7" i="6"/>
  <c r="J7" i="6"/>
  <c r="J31" i="6" s="1"/>
  <c r="I7" i="6"/>
  <c r="H7" i="6"/>
  <c r="G7" i="6"/>
  <c r="Q6" i="6"/>
  <c r="Q31" i="6" s="1"/>
  <c r="P6" i="6"/>
  <c r="O6" i="6"/>
  <c r="N6" i="6"/>
  <c r="M6" i="6"/>
  <c r="M31" i="6" s="1"/>
  <c r="L6" i="6"/>
  <c r="K6" i="6"/>
  <c r="J6" i="6"/>
  <c r="I6" i="6"/>
  <c r="I31" i="6" s="1"/>
  <c r="H6" i="6"/>
  <c r="G6" i="6"/>
  <c r="Q5" i="6"/>
  <c r="P5" i="6"/>
  <c r="P31" i="6" s="1"/>
  <c r="O5" i="6"/>
  <c r="N5" i="6"/>
  <c r="M5" i="6"/>
  <c r="L5" i="6"/>
  <c r="L31" i="6" s="1"/>
  <c r="K5" i="6"/>
  <c r="J5" i="6"/>
  <c r="I5" i="6"/>
  <c r="H5" i="6"/>
  <c r="H31" i="6" s="1"/>
  <c r="G5" i="6"/>
  <c r="Q166" i="5"/>
  <c r="M166" i="5"/>
  <c r="I166" i="5"/>
  <c r="Q165" i="5"/>
  <c r="M165" i="5"/>
  <c r="I165" i="5"/>
  <c r="Q164" i="5"/>
  <c r="O164" i="5"/>
  <c r="M164" i="5"/>
  <c r="I164" i="5"/>
  <c r="Q159" i="5"/>
  <c r="O159" i="5"/>
  <c r="O166" i="5" s="1"/>
  <c r="K159" i="5"/>
  <c r="K166" i="5" s="1"/>
  <c r="P158" i="5"/>
  <c r="O158" i="5"/>
  <c r="N158" i="5"/>
  <c r="M158" i="5"/>
  <c r="L158" i="5"/>
  <c r="K158" i="5"/>
  <c r="J158" i="5"/>
  <c r="I158" i="5"/>
  <c r="H158" i="5"/>
  <c r="G158" i="5"/>
  <c r="P157" i="5"/>
  <c r="O157" i="5"/>
  <c r="N157" i="5"/>
  <c r="M157" i="5"/>
  <c r="L157" i="5"/>
  <c r="K157" i="5"/>
  <c r="J157" i="5"/>
  <c r="I157" i="5"/>
  <c r="H157" i="5"/>
  <c r="G157" i="5"/>
  <c r="P156" i="5"/>
  <c r="O156" i="5"/>
  <c r="N156" i="5"/>
  <c r="M156" i="5"/>
  <c r="M159" i="5" s="1"/>
  <c r="L156" i="5"/>
  <c r="K156" i="5"/>
  <c r="J156" i="5"/>
  <c r="I156" i="5"/>
  <c r="I159" i="5" s="1"/>
  <c r="H156" i="5"/>
  <c r="H159" i="5" s="1"/>
  <c r="H165" i="5" s="1"/>
  <c r="G156" i="5"/>
  <c r="Q151" i="5"/>
  <c r="P151" i="5"/>
  <c r="O151" i="5"/>
  <c r="N151" i="5"/>
  <c r="M151" i="5"/>
  <c r="L151" i="5"/>
  <c r="K151" i="5"/>
  <c r="J151" i="5"/>
  <c r="I151" i="5"/>
  <c r="H151" i="5"/>
  <c r="G151" i="5"/>
  <c r="Q113" i="5"/>
  <c r="Q120" i="5" s="1"/>
  <c r="M113" i="5"/>
  <c r="M119" i="5" s="1"/>
  <c r="P112" i="5"/>
  <c r="O112" i="5"/>
  <c r="N112" i="5"/>
  <c r="N120" i="5" s="1"/>
  <c r="M112" i="5"/>
  <c r="L112" i="5"/>
  <c r="K112" i="5"/>
  <c r="J112" i="5"/>
  <c r="J120" i="5" s="1"/>
  <c r="I112" i="5"/>
  <c r="H112" i="5"/>
  <c r="G112" i="5"/>
  <c r="P111" i="5"/>
  <c r="O111" i="5"/>
  <c r="N111" i="5"/>
  <c r="M111" i="5"/>
  <c r="L111" i="5"/>
  <c r="L113" i="5" s="1"/>
  <c r="K111" i="5"/>
  <c r="J111" i="5"/>
  <c r="I111" i="5"/>
  <c r="H111" i="5"/>
  <c r="G111" i="5"/>
  <c r="G113" i="5" s="1"/>
  <c r="P110" i="5"/>
  <c r="O110" i="5"/>
  <c r="N110" i="5"/>
  <c r="N113" i="5" s="1"/>
  <c r="N119" i="5" s="1"/>
  <c r="M110" i="5"/>
  <c r="L110" i="5"/>
  <c r="K110" i="5"/>
  <c r="J110" i="5"/>
  <c r="J113" i="5" s="1"/>
  <c r="J119" i="5" s="1"/>
  <c r="I110" i="5"/>
  <c r="H110" i="5"/>
  <c r="G110" i="5"/>
  <c r="Q105" i="5"/>
  <c r="P105" i="5"/>
  <c r="O105" i="5"/>
  <c r="N105" i="5"/>
  <c r="M105" i="5"/>
  <c r="L105" i="5"/>
  <c r="K105" i="5"/>
  <c r="J105" i="5"/>
  <c r="I105" i="5"/>
  <c r="H105" i="5"/>
  <c r="G105" i="5"/>
  <c r="Q25" i="5"/>
  <c r="P25" i="5"/>
  <c r="O25" i="5"/>
  <c r="N25" i="5"/>
  <c r="M25" i="5"/>
  <c r="L25" i="5"/>
  <c r="K25" i="5"/>
  <c r="J25" i="5"/>
  <c r="I25" i="5"/>
  <c r="H25" i="5"/>
  <c r="G25" i="5"/>
  <c r="Q24" i="5"/>
  <c r="P24" i="5"/>
  <c r="O24" i="5"/>
  <c r="N24" i="5"/>
  <c r="M24" i="5"/>
  <c r="L24" i="5"/>
  <c r="K24" i="5"/>
  <c r="J24" i="5"/>
  <c r="I24" i="5"/>
  <c r="H24" i="5"/>
  <c r="G24" i="5"/>
  <c r="Q23" i="5"/>
  <c r="P23" i="5"/>
  <c r="O23" i="5"/>
  <c r="N23" i="5"/>
  <c r="M23" i="5"/>
  <c r="L23" i="5"/>
  <c r="K23" i="5"/>
  <c r="J23" i="5"/>
  <c r="I23" i="5"/>
  <c r="H23" i="5"/>
  <c r="G23" i="5"/>
  <c r="Q22" i="5"/>
  <c r="P22" i="5"/>
  <c r="O22" i="5"/>
  <c r="N22" i="5"/>
  <c r="M22" i="5"/>
  <c r="L22" i="5"/>
  <c r="K22" i="5"/>
  <c r="J22" i="5"/>
  <c r="I22" i="5"/>
  <c r="H22" i="5"/>
  <c r="G22" i="5"/>
  <c r="Q21" i="5"/>
  <c r="P21" i="5"/>
  <c r="O21" i="5"/>
  <c r="N21" i="5"/>
  <c r="M21" i="5"/>
  <c r="L21" i="5"/>
  <c r="K21" i="5"/>
  <c r="J21" i="5"/>
  <c r="I21" i="5"/>
  <c r="H21" i="5"/>
  <c r="G21" i="5"/>
  <c r="Q20" i="5"/>
  <c r="P20" i="5"/>
  <c r="O20" i="5"/>
  <c r="N20" i="5"/>
  <c r="M20" i="5"/>
  <c r="L20" i="5"/>
  <c r="K20" i="5"/>
  <c r="J20" i="5"/>
  <c r="I20" i="5"/>
  <c r="H20" i="5"/>
  <c r="G20" i="5"/>
  <c r="Q19" i="5"/>
  <c r="Q33" i="5" s="1"/>
  <c r="P19" i="5"/>
  <c r="O19" i="5"/>
  <c r="N19" i="5"/>
  <c r="M19" i="5"/>
  <c r="L19" i="5"/>
  <c r="K19" i="5"/>
  <c r="J19" i="5"/>
  <c r="I19" i="5"/>
  <c r="H19" i="5"/>
  <c r="G19" i="5"/>
  <c r="Q18" i="5"/>
  <c r="P18" i="5"/>
  <c r="P33" i="5" s="1"/>
  <c r="O18" i="5"/>
  <c r="O33" i="5" s="1"/>
  <c r="N18" i="5"/>
  <c r="M18" i="5"/>
  <c r="M33" i="5" s="1"/>
  <c r="L18" i="5"/>
  <c r="L33" i="5" s="1"/>
  <c r="K18" i="5"/>
  <c r="K33" i="5" s="1"/>
  <c r="J18" i="5"/>
  <c r="I18" i="5"/>
  <c r="I33" i="5" s="1"/>
  <c r="H18" i="5"/>
  <c r="H33" i="5" s="1"/>
  <c r="G18" i="5"/>
  <c r="G33" i="5" s="1"/>
  <c r="Q17" i="5"/>
  <c r="P17" i="5"/>
  <c r="O17" i="5"/>
  <c r="N17" i="5"/>
  <c r="M17" i="5"/>
  <c r="L17" i="5"/>
  <c r="K17" i="5"/>
  <c r="J17" i="5"/>
  <c r="I17" i="5"/>
  <c r="H17" i="5"/>
  <c r="G17" i="5"/>
  <c r="Q16" i="5"/>
  <c r="P16" i="5"/>
  <c r="O16" i="5"/>
  <c r="N16" i="5"/>
  <c r="M16" i="5"/>
  <c r="L16" i="5"/>
  <c r="K16" i="5"/>
  <c r="J16" i="5"/>
  <c r="I16" i="5"/>
  <c r="H16" i="5"/>
  <c r="G16" i="5"/>
  <c r="Q15" i="5"/>
  <c r="P15" i="5"/>
  <c r="O15" i="5"/>
  <c r="N15" i="5"/>
  <c r="M15" i="5"/>
  <c r="L15" i="5"/>
  <c r="K15" i="5"/>
  <c r="J15" i="5"/>
  <c r="I15" i="5"/>
  <c r="H15" i="5"/>
  <c r="G15" i="5"/>
  <c r="Q14" i="5"/>
  <c r="P14" i="5"/>
  <c r="O14" i="5"/>
  <c r="N14" i="5"/>
  <c r="M14" i="5"/>
  <c r="L14" i="5"/>
  <c r="K14" i="5"/>
  <c r="J14" i="5"/>
  <c r="I14" i="5"/>
  <c r="H14" i="5"/>
  <c r="G14" i="5"/>
  <c r="Q13" i="5"/>
  <c r="P13" i="5"/>
  <c r="O13" i="5"/>
  <c r="N13" i="5"/>
  <c r="M13" i="5"/>
  <c r="L13" i="5"/>
  <c r="K13" i="5"/>
  <c r="J13" i="5"/>
  <c r="I13" i="5"/>
  <c r="H13" i="5"/>
  <c r="G13" i="5"/>
  <c r="Q12" i="5"/>
  <c r="P12" i="5"/>
  <c r="O12" i="5"/>
  <c r="N12" i="5"/>
  <c r="M12" i="5"/>
  <c r="L12" i="5"/>
  <c r="K12" i="5"/>
  <c r="J12" i="5"/>
  <c r="I12" i="5"/>
  <c r="H12" i="5"/>
  <c r="G12" i="5"/>
  <c r="Q11" i="5"/>
  <c r="P11" i="5"/>
  <c r="O11" i="5"/>
  <c r="N11" i="5"/>
  <c r="M11" i="5"/>
  <c r="L11" i="5"/>
  <c r="K11" i="5"/>
  <c r="J11" i="5"/>
  <c r="I11" i="5"/>
  <c r="H11" i="5"/>
  <c r="G11" i="5"/>
  <c r="Q10" i="5"/>
  <c r="P10" i="5"/>
  <c r="O10" i="5"/>
  <c r="N10" i="5"/>
  <c r="M10" i="5"/>
  <c r="L10" i="5"/>
  <c r="L32" i="5" s="1"/>
  <c r="K10" i="5"/>
  <c r="J10" i="5"/>
  <c r="I10" i="5"/>
  <c r="H10" i="5"/>
  <c r="G10" i="5"/>
  <c r="Q9" i="5"/>
  <c r="P9" i="5"/>
  <c r="O9" i="5"/>
  <c r="N9" i="5"/>
  <c r="M9" i="5"/>
  <c r="L9" i="5"/>
  <c r="K9" i="5"/>
  <c r="J9" i="5"/>
  <c r="I9" i="5"/>
  <c r="H9" i="5"/>
  <c r="G9" i="5"/>
  <c r="G32" i="5" s="1"/>
  <c r="Q8" i="5"/>
  <c r="P8" i="5"/>
  <c r="P32" i="5" s="1"/>
  <c r="O8" i="5"/>
  <c r="O32" i="5" s="1"/>
  <c r="N8" i="5"/>
  <c r="N32" i="5" s="1"/>
  <c r="M8" i="5"/>
  <c r="L8" i="5"/>
  <c r="K8" i="5"/>
  <c r="K32" i="5" s="1"/>
  <c r="J8" i="5"/>
  <c r="J32" i="5" s="1"/>
  <c r="I8" i="5"/>
  <c r="H8" i="5"/>
  <c r="H32" i="5" s="1"/>
  <c r="G8" i="5"/>
  <c r="Q7" i="5"/>
  <c r="P7" i="5"/>
  <c r="O7" i="5"/>
  <c r="N7" i="5"/>
  <c r="M7" i="5"/>
  <c r="L7" i="5"/>
  <c r="K7" i="5"/>
  <c r="J7" i="5"/>
  <c r="I7" i="5"/>
  <c r="H7" i="5"/>
  <c r="G7" i="5"/>
  <c r="Q6" i="5"/>
  <c r="P6" i="5"/>
  <c r="O6" i="5"/>
  <c r="N6" i="5"/>
  <c r="M6" i="5"/>
  <c r="L6" i="5"/>
  <c r="K6" i="5"/>
  <c r="J6" i="5"/>
  <c r="I6" i="5"/>
  <c r="H6" i="5"/>
  <c r="G6" i="5"/>
  <c r="Q5" i="5"/>
  <c r="Q31" i="5" s="1"/>
  <c r="P5" i="5"/>
  <c r="O5" i="5"/>
  <c r="O26" i="5" s="1"/>
  <c r="N5" i="5"/>
  <c r="N31" i="5" s="1"/>
  <c r="M5" i="5"/>
  <c r="M31" i="5" s="1"/>
  <c r="L5" i="5"/>
  <c r="L26" i="5" s="1"/>
  <c r="K5" i="5"/>
  <c r="K26" i="5" s="1"/>
  <c r="J5" i="5"/>
  <c r="J31" i="5" s="1"/>
  <c r="I5" i="5"/>
  <c r="I31" i="5" s="1"/>
  <c r="H5" i="5"/>
  <c r="H26" i="5" s="1"/>
  <c r="G5" i="5"/>
  <c r="G31" i="5" s="1"/>
  <c r="Q166" i="4"/>
  <c r="Q165" i="4"/>
  <c r="L164" i="4"/>
  <c r="Q159" i="4"/>
  <c r="Q164" i="4" s="1"/>
  <c r="K159" i="4"/>
  <c r="K164" i="4" s="1"/>
  <c r="P158" i="4"/>
  <c r="O158" i="4"/>
  <c r="N158" i="4"/>
  <c r="M158" i="4"/>
  <c r="L158" i="4"/>
  <c r="K158" i="4"/>
  <c r="J158" i="4"/>
  <c r="I158" i="4"/>
  <c r="H158" i="4"/>
  <c r="G158" i="4"/>
  <c r="P157" i="4"/>
  <c r="O157" i="4"/>
  <c r="N157" i="4"/>
  <c r="M157" i="4"/>
  <c r="L157" i="4"/>
  <c r="K157" i="4"/>
  <c r="J157" i="4"/>
  <c r="I157" i="4"/>
  <c r="H157" i="4"/>
  <c r="G157" i="4"/>
  <c r="P156" i="4"/>
  <c r="P159" i="4" s="1"/>
  <c r="P165" i="4" s="1"/>
  <c r="O156" i="4"/>
  <c r="N156" i="4"/>
  <c r="M156" i="4"/>
  <c r="L156" i="4"/>
  <c r="L159" i="4" s="1"/>
  <c r="L165" i="4" s="1"/>
  <c r="K156" i="4"/>
  <c r="J156" i="4"/>
  <c r="I156" i="4"/>
  <c r="H156" i="4"/>
  <c r="H159" i="4" s="1"/>
  <c r="H165" i="4" s="1"/>
  <c r="G156" i="4"/>
  <c r="Q151" i="4"/>
  <c r="P151" i="4"/>
  <c r="O151" i="4"/>
  <c r="N151" i="4"/>
  <c r="M151" i="4"/>
  <c r="L151" i="4"/>
  <c r="K151" i="4"/>
  <c r="J151" i="4"/>
  <c r="I151" i="4"/>
  <c r="H151" i="4"/>
  <c r="G151" i="4"/>
  <c r="Q119" i="4"/>
  <c r="M119" i="4"/>
  <c r="I119" i="4"/>
  <c r="Q118" i="4"/>
  <c r="Q113" i="4"/>
  <c r="Q120" i="4" s="1"/>
  <c r="P112" i="4"/>
  <c r="O112" i="4"/>
  <c r="N112" i="4"/>
  <c r="M112" i="4"/>
  <c r="L112" i="4"/>
  <c r="K112" i="4"/>
  <c r="J112" i="4"/>
  <c r="I112" i="4"/>
  <c r="H112" i="4"/>
  <c r="G112" i="4"/>
  <c r="P111" i="4"/>
  <c r="O111" i="4"/>
  <c r="N111" i="4"/>
  <c r="M111" i="4"/>
  <c r="L111" i="4"/>
  <c r="K111" i="4"/>
  <c r="J111" i="4"/>
  <c r="I111" i="4"/>
  <c r="H111" i="4"/>
  <c r="H113" i="4" s="1"/>
  <c r="H118" i="4" s="1"/>
  <c r="G111" i="4"/>
  <c r="P110" i="4"/>
  <c r="O110" i="4"/>
  <c r="N110" i="4"/>
  <c r="M110" i="4"/>
  <c r="M113" i="4" s="1"/>
  <c r="L110" i="4"/>
  <c r="K110" i="4"/>
  <c r="J110" i="4"/>
  <c r="I110" i="4"/>
  <c r="I113" i="4" s="1"/>
  <c r="H110" i="4"/>
  <c r="G110" i="4"/>
  <c r="Q105" i="4"/>
  <c r="P105" i="4"/>
  <c r="O105" i="4"/>
  <c r="N105" i="4"/>
  <c r="M105" i="4"/>
  <c r="L105" i="4"/>
  <c r="K105" i="4"/>
  <c r="J105" i="4"/>
  <c r="I105" i="4"/>
  <c r="H105" i="4"/>
  <c r="G105" i="4"/>
  <c r="G34" i="4"/>
  <c r="G41" i="4" s="1"/>
  <c r="J33" i="4"/>
  <c r="M32" i="4"/>
  <c r="P31" i="4"/>
  <c r="H31" i="4"/>
  <c r="K26" i="4"/>
  <c r="Q25" i="4"/>
  <c r="P25" i="4"/>
  <c r="O25" i="4"/>
  <c r="N25" i="4"/>
  <c r="M25" i="4"/>
  <c r="L25" i="4"/>
  <c r="K25" i="4"/>
  <c r="J25" i="4"/>
  <c r="I25" i="4"/>
  <c r="H25" i="4"/>
  <c r="G25" i="4"/>
  <c r="Q24" i="4"/>
  <c r="P24" i="4"/>
  <c r="O24" i="4"/>
  <c r="N24" i="4"/>
  <c r="M24" i="4"/>
  <c r="L24" i="4"/>
  <c r="K24" i="4"/>
  <c r="J24" i="4"/>
  <c r="I24" i="4"/>
  <c r="H24" i="4"/>
  <c r="G24" i="4"/>
  <c r="Q23" i="4"/>
  <c r="P23" i="4"/>
  <c r="O23" i="4"/>
  <c r="N23" i="4"/>
  <c r="M23" i="4"/>
  <c r="L23" i="4"/>
  <c r="K23" i="4"/>
  <c r="J23" i="4"/>
  <c r="I23" i="4"/>
  <c r="H23" i="4"/>
  <c r="G23" i="4"/>
  <c r="Q22" i="4"/>
  <c r="P22" i="4"/>
  <c r="O22" i="4"/>
  <c r="N22" i="4"/>
  <c r="M22" i="4"/>
  <c r="L22" i="4"/>
  <c r="K22" i="4"/>
  <c r="J22" i="4"/>
  <c r="I22" i="4"/>
  <c r="H22" i="4"/>
  <c r="G22" i="4"/>
  <c r="Q21" i="4"/>
  <c r="P21" i="4"/>
  <c r="O21" i="4"/>
  <c r="N21" i="4"/>
  <c r="M21" i="4"/>
  <c r="L21" i="4"/>
  <c r="K21" i="4"/>
  <c r="J21" i="4"/>
  <c r="I21" i="4"/>
  <c r="H21" i="4"/>
  <c r="G21" i="4"/>
  <c r="Q20" i="4"/>
  <c r="P20" i="4"/>
  <c r="O20" i="4"/>
  <c r="N20" i="4"/>
  <c r="M20" i="4"/>
  <c r="L20" i="4"/>
  <c r="K20" i="4"/>
  <c r="J20" i="4"/>
  <c r="I20" i="4"/>
  <c r="H20" i="4"/>
  <c r="G20" i="4"/>
  <c r="Q19" i="4"/>
  <c r="P19" i="4"/>
  <c r="P33" i="4" s="1"/>
  <c r="O19" i="4"/>
  <c r="N19" i="4"/>
  <c r="N33" i="4" s="1"/>
  <c r="M19" i="4"/>
  <c r="L19" i="4"/>
  <c r="L33" i="4" s="1"/>
  <c r="K19" i="4"/>
  <c r="J19" i="4"/>
  <c r="I19" i="4"/>
  <c r="H19" i="4"/>
  <c r="H33" i="4" s="1"/>
  <c r="G19" i="4"/>
  <c r="Q18" i="4"/>
  <c r="Q33" i="4" s="1"/>
  <c r="P18" i="4"/>
  <c r="O18" i="4"/>
  <c r="O33" i="4" s="1"/>
  <c r="N18" i="4"/>
  <c r="M18" i="4"/>
  <c r="M33" i="4" s="1"/>
  <c r="L18" i="4"/>
  <c r="K18" i="4"/>
  <c r="K33" i="4" s="1"/>
  <c r="J18" i="4"/>
  <c r="I18" i="4"/>
  <c r="I33" i="4" s="1"/>
  <c r="H18" i="4"/>
  <c r="G18" i="4"/>
  <c r="G33" i="4" s="1"/>
  <c r="Q17" i="4"/>
  <c r="P17" i="4"/>
  <c r="O17" i="4"/>
  <c r="N17" i="4"/>
  <c r="M17" i="4"/>
  <c r="L17" i="4"/>
  <c r="K17" i="4"/>
  <c r="J17" i="4"/>
  <c r="I17" i="4"/>
  <c r="H17" i="4"/>
  <c r="G17" i="4"/>
  <c r="Q16" i="4"/>
  <c r="P16" i="4"/>
  <c r="O16" i="4"/>
  <c r="N16" i="4"/>
  <c r="M16" i="4"/>
  <c r="L16" i="4"/>
  <c r="K16" i="4"/>
  <c r="J16" i="4"/>
  <c r="I16" i="4"/>
  <c r="H16" i="4"/>
  <c r="G16" i="4"/>
  <c r="Q15" i="4"/>
  <c r="P15" i="4"/>
  <c r="O15" i="4"/>
  <c r="N15" i="4"/>
  <c r="M15" i="4"/>
  <c r="L15" i="4"/>
  <c r="K15" i="4"/>
  <c r="J15" i="4"/>
  <c r="I15" i="4"/>
  <c r="H15" i="4"/>
  <c r="G15" i="4"/>
  <c r="Q14" i="4"/>
  <c r="P14" i="4"/>
  <c r="O14" i="4"/>
  <c r="N14" i="4"/>
  <c r="M14" i="4"/>
  <c r="L14" i="4"/>
  <c r="K14" i="4"/>
  <c r="J14" i="4"/>
  <c r="I14" i="4"/>
  <c r="H14" i="4"/>
  <c r="G14" i="4"/>
  <c r="Q13" i="4"/>
  <c r="P13" i="4"/>
  <c r="O13" i="4"/>
  <c r="N13" i="4"/>
  <c r="M13" i="4"/>
  <c r="L13" i="4"/>
  <c r="K13" i="4"/>
  <c r="J13" i="4"/>
  <c r="I13" i="4"/>
  <c r="H13" i="4"/>
  <c r="G13" i="4"/>
  <c r="Q12" i="4"/>
  <c r="P12" i="4"/>
  <c r="O12" i="4"/>
  <c r="N12" i="4"/>
  <c r="M12" i="4"/>
  <c r="L12" i="4"/>
  <c r="K12" i="4"/>
  <c r="J12" i="4"/>
  <c r="I12" i="4"/>
  <c r="H12" i="4"/>
  <c r="G12" i="4"/>
  <c r="Q11" i="4"/>
  <c r="P11" i="4"/>
  <c r="O11" i="4"/>
  <c r="N11" i="4"/>
  <c r="M11" i="4"/>
  <c r="L11" i="4"/>
  <c r="K11" i="4"/>
  <c r="J11" i="4"/>
  <c r="I11" i="4"/>
  <c r="H11" i="4"/>
  <c r="G11" i="4"/>
  <c r="Q10" i="4"/>
  <c r="P10" i="4"/>
  <c r="O10" i="4"/>
  <c r="N10" i="4"/>
  <c r="M10" i="4"/>
  <c r="L10" i="4"/>
  <c r="K10" i="4"/>
  <c r="J10" i="4"/>
  <c r="I10" i="4"/>
  <c r="H10" i="4"/>
  <c r="G10" i="4"/>
  <c r="Q9" i="4"/>
  <c r="P9" i="4"/>
  <c r="O9" i="4"/>
  <c r="N9" i="4"/>
  <c r="M9" i="4"/>
  <c r="L9" i="4"/>
  <c r="K9" i="4"/>
  <c r="J9" i="4"/>
  <c r="I9" i="4"/>
  <c r="H9" i="4"/>
  <c r="G9" i="4"/>
  <c r="Q8" i="4"/>
  <c r="Q32" i="4" s="1"/>
  <c r="P8" i="4"/>
  <c r="P32" i="4" s="1"/>
  <c r="O8" i="4"/>
  <c r="N8" i="4"/>
  <c r="N32" i="4" s="1"/>
  <c r="M8" i="4"/>
  <c r="L8" i="4"/>
  <c r="L32" i="4" s="1"/>
  <c r="K8" i="4"/>
  <c r="K32" i="4" s="1"/>
  <c r="J8" i="4"/>
  <c r="J32" i="4" s="1"/>
  <c r="I8" i="4"/>
  <c r="I32" i="4" s="1"/>
  <c r="H8" i="4"/>
  <c r="H32" i="4" s="1"/>
  <c r="G8" i="4"/>
  <c r="G32" i="4" s="1"/>
  <c r="Q7" i="4"/>
  <c r="P7" i="4"/>
  <c r="O7" i="4"/>
  <c r="N7" i="4"/>
  <c r="M7" i="4"/>
  <c r="L7" i="4"/>
  <c r="K7" i="4"/>
  <c r="J7" i="4"/>
  <c r="I7" i="4"/>
  <c r="H7" i="4"/>
  <c r="G7" i="4"/>
  <c r="Q6" i="4"/>
  <c r="Q26" i="4" s="1"/>
  <c r="P6" i="4"/>
  <c r="O6" i="4"/>
  <c r="O26" i="4" s="1"/>
  <c r="N6" i="4"/>
  <c r="M6" i="4"/>
  <c r="M26" i="4" s="1"/>
  <c r="L6" i="4"/>
  <c r="K6" i="4"/>
  <c r="J6" i="4"/>
  <c r="I6" i="4"/>
  <c r="I26" i="4" s="1"/>
  <c r="H6" i="4"/>
  <c r="G6" i="4"/>
  <c r="G26" i="4" s="1"/>
  <c r="Q5" i="4"/>
  <c r="Q31" i="4" s="1"/>
  <c r="P5" i="4"/>
  <c r="P26" i="4" s="1"/>
  <c r="O5" i="4"/>
  <c r="O31" i="4" s="1"/>
  <c r="N5" i="4"/>
  <c r="M5" i="4"/>
  <c r="M31" i="4" s="1"/>
  <c r="L5" i="4"/>
  <c r="L26" i="4" s="1"/>
  <c r="K5" i="4"/>
  <c r="K31" i="4" s="1"/>
  <c r="K34" i="4" s="1"/>
  <c r="J5" i="4"/>
  <c r="I5" i="4"/>
  <c r="I31" i="4" s="1"/>
  <c r="H5" i="4"/>
  <c r="H26" i="4" s="1"/>
  <c r="G5" i="4"/>
  <c r="G31" i="4" s="1"/>
  <c r="Q166" i="3"/>
  <c r="O166" i="3"/>
  <c r="K166" i="3"/>
  <c r="G166" i="3"/>
  <c r="Q164" i="3"/>
  <c r="Q159" i="3"/>
  <c r="Q165" i="3" s="1"/>
  <c r="P158" i="3"/>
  <c r="O158" i="3"/>
  <c r="N158" i="3"/>
  <c r="M158" i="3"/>
  <c r="L158" i="3"/>
  <c r="K158" i="3"/>
  <c r="J158" i="3"/>
  <c r="I158" i="3"/>
  <c r="H158" i="3"/>
  <c r="G158" i="3"/>
  <c r="P157" i="3"/>
  <c r="O157" i="3"/>
  <c r="N157" i="3"/>
  <c r="M157" i="3"/>
  <c r="L157" i="3"/>
  <c r="L165" i="3" s="1"/>
  <c r="K157" i="3"/>
  <c r="J157" i="3"/>
  <c r="I157" i="3"/>
  <c r="H157" i="3"/>
  <c r="G157" i="3"/>
  <c r="P156" i="3"/>
  <c r="O156" i="3"/>
  <c r="O159" i="3" s="1"/>
  <c r="O165" i="3" s="1"/>
  <c r="N156" i="3"/>
  <c r="N159" i="3" s="1"/>
  <c r="M156" i="3"/>
  <c r="L156" i="3"/>
  <c r="L159" i="3" s="1"/>
  <c r="K156" i="3"/>
  <c r="K159" i="3" s="1"/>
  <c r="K165" i="3" s="1"/>
  <c r="J156" i="3"/>
  <c r="I156" i="3"/>
  <c r="H156" i="3"/>
  <c r="G156" i="3"/>
  <c r="G159" i="3" s="1"/>
  <c r="G165" i="3" s="1"/>
  <c r="Q151" i="3"/>
  <c r="P151" i="3"/>
  <c r="O151" i="3"/>
  <c r="N151" i="3"/>
  <c r="M151" i="3"/>
  <c r="L151" i="3"/>
  <c r="K151" i="3"/>
  <c r="J151" i="3"/>
  <c r="I151" i="3"/>
  <c r="H151" i="3"/>
  <c r="G151" i="3"/>
  <c r="P120" i="3"/>
  <c r="Q119" i="3"/>
  <c r="P118" i="3"/>
  <c r="L118" i="3"/>
  <c r="H118" i="3"/>
  <c r="Q113" i="3"/>
  <c r="P112" i="3"/>
  <c r="O112" i="3"/>
  <c r="N112" i="3"/>
  <c r="M112" i="3"/>
  <c r="L112" i="3"/>
  <c r="K112" i="3"/>
  <c r="J112" i="3"/>
  <c r="I112" i="3"/>
  <c r="H112" i="3"/>
  <c r="G112" i="3"/>
  <c r="P111" i="3"/>
  <c r="O111" i="3"/>
  <c r="N111" i="3"/>
  <c r="M111" i="3"/>
  <c r="L111" i="3"/>
  <c r="K111" i="3"/>
  <c r="J111" i="3"/>
  <c r="I111" i="3"/>
  <c r="H111" i="3"/>
  <c r="G111" i="3"/>
  <c r="P110" i="3"/>
  <c r="P113" i="3" s="1"/>
  <c r="P119" i="3" s="1"/>
  <c r="O110" i="3"/>
  <c r="N110" i="3"/>
  <c r="M110" i="3"/>
  <c r="M113" i="3" s="1"/>
  <c r="L110" i="3"/>
  <c r="L113" i="3" s="1"/>
  <c r="L119" i="3" s="1"/>
  <c r="K110" i="3"/>
  <c r="J110" i="3"/>
  <c r="I110" i="3"/>
  <c r="I113" i="3" s="1"/>
  <c r="H110" i="3"/>
  <c r="H113" i="3" s="1"/>
  <c r="H119" i="3" s="1"/>
  <c r="G110" i="3"/>
  <c r="Q105" i="3"/>
  <c r="P105" i="3"/>
  <c r="O105" i="3"/>
  <c r="N105" i="3"/>
  <c r="M105" i="3"/>
  <c r="L105" i="3"/>
  <c r="K105" i="3"/>
  <c r="J105" i="3"/>
  <c r="I105" i="3"/>
  <c r="H105" i="3"/>
  <c r="G105" i="3"/>
  <c r="Q25" i="3"/>
  <c r="P25" i="3"/>
  <c r="O25" i="3"/>
  <c r="N25" i="3"/>
  <c r="M25" i="3"/>
  <c r="L25" i="3"/>
  <c r="K25" i="3"/>
  <c r="J25" i="3"/>
  <c r="I25" i="3"/>
  <c r="H25" i="3"/>
  <c r="G25" i="3"/>
  <c r="Q24" i="3"/>
  <c r="P24" i="3"/>
  <c r="O24" i="3"/>
  <c r="N24" i="3"/>
  <c r="M24" i="3"/>
  <c r="L24" i="3"/>
  <c r="K24" i="3"/>
  <c r="J24" i="3"/>
  <c r="I24" i="3"/>
  <c r="H24" i="3"/>
  <c r="G24" i="3"/>
  <c r="Q23" i="3"/>
  <c r="P23" i="3"/>
  <c r="O23" i="3"/>
  <c r="N23" i="3"/>
  <c r="M23" i="3"/>
  <c r="L23" i="3"/>
  <c r="K23" i="3"/>
  <c r="J23" i="3"/>
  <c r="I23" i="3"/>
  <c r="H23" i="3"/>
  <c r="G23" i="3"/>
  <c r="Q22" i="3"/>
  <c r="P22" i="3"/>
  <c r="O22" i="3"/>
  <c r="N22" i="3"/>
  <c r="M22" i="3"/>
  <c r="L22" i="3"/>
  <c r="K22" i="3"/>
  <c r="J22" i="3"/>
  <c r="I22" i="3"/>
  <c r="H22" i="3"/>
  <c r="G22" i="3"/>
  <c r="Q21" i="3"/>
  <c r="P21" i="3"/>
  <c r="O21" i="3"/>
  <c r="N21" i="3"/>
  <c r="M21" i="3"/>
  <c r="L21" i="3"/>
  <c r="K21" i="3"/>
  <c r="J21" i="3"/>
  <c r="I21" i="3"/>
  <c r="H21" i="3"/>
  <c r="G21" i="3"/>
  <c r="Q20" i="3"/>
  <c r="P20" i="3"/>
  <c r="O20" i="3"/>
  <c r="N20" i="3"/>
  <c r="M20" i="3"/>
  <c r="L20" i="3"/>
  <c r="K20" i="3"/>
  <c r="J20" i="3"/>
  <c r="I20" i="3"/>
  <c r="H20" i="3"/>
  <c r="G20" i="3"/>
  <c r="Q19" i="3"/>
  <c r="P19" i="3"/>
  <c r="O19" i="3"/>
  <c r="O33" i="3" s="1"/>
  <c r="N19" i="3"/>
  <c r="M19" i="3"/>
  <c r="M33" i="3" s="1"/>
  <c r="L19" i="3"/>
  <c r="K19" i="3"/>
  <c r="J19" i="3"/>
  <c r="I19" i="3"/>
  <c r="H19" i="3"/>
  <c r="G19" i="3"/>
  <c r="G33" i="3" s="1"/>
  <c r="Q18" i="3"/>
  <c r="Q33" i="3" s="1"/>
  <c r="P18" i="3"/>
  <c r="P33" i="3" s="1"/>
  <c r="O18" i="3"/>
  <c r="N18" i="3"/>
  <c r="N33" i="3" s="1"/>
  <c r="M18" i="3"/>
  <c r="L18" i="3"/>
  <c r="L33" i="3" s="1"/>
  <c r="K18" i="3"/>
  <c r="K33" i="3" s="1"/>
  <c r="J18" i="3"/>
  <c r="J33" i="3" s="1"/>
  <c r="I18" i="3"/>
  <c r="I33" i="3" s="1"/>
  <c r="H18" i="3"/>
  <c r="H33" i="3" s="1"/>
  <c r="G18" i="3"/>
  <c r="Q17" i="3"/>
  <c r="P17" i="3"/>
  <c r="O17" i="3"/>
  <c r="N17" i="3"/>
  <c r="M17" i="3"/>
  <c r="L17" i="3"/>
  <c r="K17" i="3"/>
  <c r="J17" i="3"/>
  <c r="I17" i="3"/>
  <c r="H17" i="3"/>
  <c r="G17" i="3"/>
  <c r="Q16" i="3"/>
  <c r="P16" i="3"/>
  <c r="O16" i="3"/>
  <c r="N16" i="3"/>
  <c r="M16" i="3"/>
  <c r="L16" i="3"/>
  <c r="K16" i="3"/>
  <c r="J16" i="3"/>
  <c r="I16" i="3"/>
  <c r="H16" i="3"/>
  <c r="G16" i="3"/>
  <c r="Q15" i="3"/>
  <c r="P15" i="3"/>
  <c r="O15" i="3"/>
  <c r="N15" i="3"/>
  <c r="M15" i="3"/>
  <c r="L15" i="3"/>
  <c r="K15" i="3"/>
  <c r="J15" i="3"/>
  <c r="I15" i="3"/>
  <c r="H15" i="3"/>
  <c r="G15" i="3"/>
  <c r="Q14" i="3"/>
  <c r="P14" i="3"/>
  <c r="O14" i="3"/>
  <c r="N14" i="3"/>
  <c r="M14" i="3"/>
  <c r="L14" i="3"/>
  <c r="K14" i="3"/>
  <c r="J14" i="3"/>
  <c r="I14" i="3"/>
  <c r="H14" i="3"/>
  <c r="G14" i="3"/>
  <c r="Q13" i="3"/>
  <c r="P13" i="3"/>
  <c r="O13" i="3"/>
  <c r="N13" i="3"/>
  <c r="M13" i="3"/>
  <c r="L13" i="3"/>
  <c r="K13" i="3"/>
  <c r="J13" i="3"/>
  <c r="I13" i="3"/>
  <c r="H13" i="3"/>
  <c r="G13" i="3"/>
  <c r="Q12" i="3"/>
  <c r="P12" i="3"/>
  <c r="O12" i="3"/>
  <c r="N12" i="3"/>
  <c r="M12" i="3"/>
  <c r="L12" i="3"/>
  <c r="K12" i="3"/>
  <c r="J12" i="3"/>
  <c r="I12" i="3"/>
  <c r="H12" i="3"/>
  <c r="G12" i="3"/>
  <c r="Q11" i="3"/>
  <c r="P11" i="3"/>
  <c r="O11" i="3"/>
  <c r="N11" i="3"/>
  <c r="M11" i="3"/>
  <c r="L11" i="3"/>
  <c r="K11" i="3"/>
  <c r="J11" i="3"/>
  <c r="I11" i="3"/>
  <c r="H11" i="3"/>
  <c r="G11" i="3"/>
  <c r="Q10" i="3"/>
  <c r="P10" i="3"/>
  <c r="O10" i="3"/>
  <c r="N10" i="3"/>
  <c r="M10" i="3"/>
  <c r="L10" i="3"/>
  <c r="K10" i="3"/>
  <c r="J10" i="3"/>
  <c r="I10" i="3"/>
  <c r="H10" i="3"/>
  <c r="G10" i="3"/>
  <c r="Q9" i="3"/>
  <c r="P9" i="3"/>
  <c r="O9" i="3"/>
  <c r="N9" i="3"/>
  <c r="M9" i="3"/>
  <c r="M32" i="3" s="1"/>
  <c r="L9" i="3"/>
  <c r="K9" i="3"/>
  <c r="J9" i="3"/>
  <c r="I9" i="3"/>
  <c r="H9" i="3"/>
  <c r="G9" i="3"/>
  <c r="Q8" i="3"/>
  <c r="Q32" i="3" s="1"/>
  <c r="P8" i="3"/>
  <c r="P32" i="3" s="1"/>
  <c r="O8" i="3"/>
  <c r="N8" i="3"/>
  <c r="N32" i="3" s="1"/>
  <c r="M8" i="3"/>
  <c r="L8" i="3"/>
  <c r="L32" i="3" s="1"/>
  <c r="K8" i="3"/>
  <c r="J8" i="3"/>
  <c r="J32" i="3" s="1"/>
  <c r="I8" i="3"/>
  <c r="I32" i="3" s="1"/>
  <c r="H8" i="3"/>
  <c r="H32" i="3" s="1"/>
  <c r="G8" i="3"/>
  <c r="Q7" i="3"/>
  <c r="P7" i="3"/>
  <c r="O7" i="3"/>
  <c r="N7" i="3"/>
  <c r="M7" i="3"/>
  <c r="L7" i="3"/>
  <c r="K7" i="3"/>
  <c r="J7" i="3"/>
  <c r="I7" i="3"/>
  <c r="H7" i="3"/>
  <c r="G7" i="3"/>
  <c r="Q6" i="3"/>
  <c r="P6" i="3"/>
  <c r="P26" i="3" s="1"/>
  <c r="O6" i="3"/>
  <c r="N6" i="3"/>
  <c r="N26" i="3" s="1"/>
  <c r="M6" i="3"/>
  <c r="L6" i="3"/>
  <c r="L26" i="3" s="1"/>
  <c r="K6" i="3"/>
  <c r="J6" i="3"/>
  <c r="J26" i="3" s="1"/>
  <c r="I6" i="3"/>
  <c r="H6" i="3"/>
  <c r="H26" i="3" s="1"/>
  <c r="G6" i="3"/>
  <c r="Q5" i="3"/>
  <c r="Q31" i="3" s="1"/>
  <c r="P5" i="3"/>
  <c r="O5" i="3"/>
  <c r="O26" i="3" s="1"/>
  <c r="N5" i="3"/>
  <c r="M5" i="3"/>
  <c r="M31" i="3" s="1"/>
  <c r="L5" i="3"/>
  <c r="L31" i="3" s="1"/>
  <c r="K5" i="3"/>
  <c r="K26" i="3" s="1"/>
  <c r="J5" i="3"/>
  <c r="J31" i="3" s="1"/>
  <c r="I5" i="3"/>
  <c r="I31" i="3" s="1"/>
  <c r="H5" i="3"/>
  <c r="H31" i="3" s="1"/>
  <c r="G5" i="3"/>
  <c r="G26" i="3" s="1"/>
  <c r="Q165" i="2"/>
  <c r="Q159" i="2"/>
  <c r="Q166" i="2" s="1"/>
  <c r="P158" i="2"/>
  <c r="O158" i="2"/>
  <c r="N158" i="2"/>
  <c r="M158" i="2"/>
  <c r="L158" i="2"/>
  <c r="K158" i="2"/>
  <c r="J158" i="2"/>
  <c r="I158" i="2"/>
  <c r="H158" i="2"/>
  <c r="G158" i="2"/>
  <c r="P157" i="2"/>
  <c r="O157" i="2"/>
  <c r="O165" i="2" s="1"/>
  <c r="N157" i="2"/>
  <c r="M157" i="2"/>
  <c r="L157" i="2"/>
  <c r="K157" i="2"/>
  <c r="K165" i="2" s="1"/>
  <c r="J157" i="2"/>
  <c r="I157" i="2"/>
  <c r="H157" i="2"/>
  <c r="G157" i="2"/>
  <c r="G165" i="2" s="1"/>
  <c r="P156" i="2"/>
  <c r="P159" i="2" s="1"/>
  <c r="O156" i="2"/>
  <c r="O159" i="2" s="1"/>
  <c r="N156" i="2"/>
  <c r="N159" i="2" s="1"/>
  <c r="M156" i="2"/>
  <c r="M159" i="2" s="1"/>
  <c r="L156" i="2"/>
  <c r="L159" i="2" s="1"/>
  <c r="K156" i="2"/>
  <c r="K159" i="2" s="1"/>
  <c r="J156" i="2"/>
  <c r="J159" i="2" s="1"/>
  <c r="I156" i="2"/>
  <c r="I159" i="2" s="1"/>
  <c r="H156" i="2"/>
  <c r="H159" i="2" s="1"/>
  <c r="G156" i="2"/>
  <c r="G159" i="2" s="1"/>
  <c r="Q151" i="2"/>
  <c r="P151" i="2"/>
  <c r="O151" i="2"/>
  <c r="N151" i="2"/>
  <c r="M151" i="2"/>
  <c r="L151" i="2"/>
  <c r="K151" i="2"/>
  <c r="J151" i="2"/>
  <c r="I151" i="2"/>
  <c r="H151" i="2"/>
  <c r="G151" i="2"/>
  <c r="Q120" i="2"/>
  <c r="Q118" i="2"/>
  <c r="Q113" i="2"/>
  <c r="Q119" i="2" s="1"/>
  <c r="P112" i="2"/>
  <c r="O112" i="2"/>
  <c r="N112" i="2"/>
  <c r="M112" i="2"/>
  <c r="L112" i="2"/>
  <c r="K112" i="2"/>
  <c r="J112" i="2"/>
  <c r="I112" i="2"/>
  <c r="H112" i="2"/>
  <c r="G112" i="2"/>
  <c r="P111" i="2"/>
  <c r="O111" i="2"/>
  <c r="O119" i="2" s="1"/>
  <c r="N111" i="2"/>
  <c r="M111" i="2"/>
  <c r="L111" i="2"/>
  <c r="K111" i="2"/>
  <c r="K119" i="2" s="1"/>
  <c r="J111" i="2"/>
  <c r="I111" i="2"/>
  <c r="H111" i="2"/>
  <c r="G111" i="2"/>
  <c r="G119" i="2" s="1"/>
  <c r="P110" i="2"/>
  <c r="P113" i="2" s="1"/>
  <c r="O110" i="2"/>
  <c r="O113" i="2" s="1"/>
  <c r="N110" i="2"/>
  <c r="N113" i="2" s="1"/>
  <c r="M110" i="2"/>
  <c r="M113" i="2" s="1"/>
  <c r="L110" i="2"/>
  <c r="L113" i="2" s="1"/>
  <c r="K110" i="2"/>
  <c r="K113" i="2" s="1"/>
  <c r="J110" i="2"/>
  <c r="J113" i="2" s="1"/>
  <c r="I110" i="2"/>
  <c r="I113" i="2" s="1"/>
  <c r="H110" i="2"/>
  <c r="H113" i="2" s="1"/>
  <c r="G110" i="2"/>
  <c r="G113" i="2" s="1"/>
  <c r="Q105" i="2"/>
  <c r="P105" i="2"/>
  <c r="O105" i="2"/>
  <c r="N105" i="2"/>
  <c r="M105" i="2"/>
  <c r="L105" i="2"/>
  <c r="K105" i="2"/>
  <c r="J105" i="2"/>
  <c r="I105" i="2"/>
  <c r="H105" i="2"/>
  <c r="G105" i="2"/>
  <c r="J31" i="2"/>
  <c r="Q26" i="2"/>
  <c r="M26" i="2"/>
  <c r="I26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I21" i="2"/>
  <c r="H21" i="2"/>
  <c r="G21" i="2"/>
  <c r="Q20" i="2"/>
  <c r="P20" i="2"/>
  <c r="O20" i="2"/>
  <c r="N20" i="2"/>
  <c r="M20" i="2"/>
  <c r="L20" i="2"/>
  <c r="K20" i="2"/>
  <c r="J20" i="2"/>
  <c r="I20" i="2"/>
  <c r="H20" i="2"/>
  <c r="G20" i="2"/>
  <c r="Q19" i="2"/>
  <c r="P19" i="2"/>
  <c r="O19" i="2"/>
  <c r="N19" i="2"/>
  <c r="N33" i="2" s="1"/>
  <c r="M19" i="2"/>
  <c r="L19" i="2"/>
  <c r="K19" i="2"/>
  <c r="J19" i="2"/>
  <c r="J33" i="2" s="1"/>
  <c r="I19" i="2"/>
  <c r="H19" i="2"/>
  <c r="G19" i="2"/>
  <c r="Q18" i="2"/>
  <c r="Q33" i="2" s="1"/>
  <c r="P18" i="2"/>
  <c r="O18" i="2"/>
  <c r="N18" i="2"/>
  <c r="M18" i="2"/>
  <c r="M33" i="2" s="1"/>
  <c r="L18" i="2"/>
  <c r="K18" i="2"/>
  <c r="J18" i="2"/>
  <c r="I18" i="2"/>
  <c r="I33" i="2" s="1"/>
  <c r="H18" i="2"/>
  <c r="G18" i="2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N11" i="2"/>
  <c r="M11" i="2"/>
  <c r="L11" i="2"/>
  <c r="K11" i="2"/>
  <c r="J11" i="2"/>
  <c r="I11" i="2"/>
  <c r="H11" i="2"/>
  <c r="G11" i="2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P8" i="2"/>
  <c r="P32" i="2" s="1"/>
  <c r="O8" i="2"/>
  <c r="O32" i="2" s="1"/>
  <c r="N8" i="2"/>
  <c r="N32" i="2" s="1"/>
  <c r="M8" i="2"/>
  <c r="L8" i="2"/>
  <c r="L32" i="2" s="1"/>
  <c r="K8" i="2"/>
  <c r="K32" i="2" s="1"/>
  <c r="J8" i="2"/>
  <c r="J32" i="2" s="1"/>
  <c r="I8" i="2"/>
  <c r="H8" i="2"/>
  <c r="H32" i="2" s="1"/>
  <c r="G8" i="2"/>
  <c r="G32" i="2" s="1"/>
  <c r="Q7" i="2"/>
  <c r="P7" i="2"/>
  <c r="O7" i="2"/>
  <c r="N7" i="2"/>
  <c r="M7" i="2"/>
  <c r="L7" i="2"/>
  <c r="K7" i="2"/>
  <c r="J7" i="2"/>
  <c r="I7" i="2"/>
  <c r="H7" i="2"/>
  <c r="G7" i="2"/>
  <c r="Q6" i="2"/>
  <c r="P6" i="2"/>
  <c r="O6" i="2"/>
  <c r="O26" i="2" s="1"/>
  <c r="N6" i="2"/>
  <c r="M6" i="2"/>
  <c r="L6" i="2"/>
  <c r="K6" i="2"/>
  <c r="K26" i="2" s="1"/>
  <c r="J6" i="2"/>
  <c r="I6" i="2"/>
  <c r="H6" i="2"/>
  <c r="G6" i="2"/>
  <c r="G26" i="2" s="1"/>
  <c r="Q5" i="2"/>
  <c r="Q31" i="2" s="1"/>
  <c r="P5" i="2"/>
  <c r="O5" i="2"/>
  <c r="O31" i="2" s="1"/>
  <c r="N5" i="2"/>
  <c r="M5" i="2"/>
  <c r="M31" i="2" s="1"/>
  <c r="L5" i="2"/>
  <c r="L26" i="2" s="1"/>
  <c r="K5" i="2"/>
  <c r="K31" i="2" s="1"/>
  <c r="J5" i="2"/>
  <c r="I5" i="2"/>
  <c r="I31" i="2" s="1"/>
  <c r="H5" i="2"/>
  <c r="H26" i="2" s="1"/>
  <c r="G5" i="2"/>
  <c r="G31" i="2" s="1"/>
  <c r="Q166" i="1"/>
  <c r="O166" i="1"/>
  <c r="K166" i="1"/>
  <c r="G166" i="1"/>
  <c r="Q164" i="1"/>
  <c r="M164" i="1"/>
  <c r="K164" i="1"/>
  <c r="I164" i="1"/>
  <c r="Q159" i="1"/>
  <c r="Q165" i="1" s="1"/>
  <c r="P158" i="1"/>
  <c r="O158" i="1"/>
  <c r="N158" i="1"/>
  <c r="M158" i="1"/>
  <c r="L158" i="1"/>
  <c r="K158" i="1"/>
  <c r="J158" i="1"/>
  <c r="I158" i="1"/>
  <c r="H158" i="1"/>
  <c r="G158" i="1"/>
  <c r="P157" i="1"/>
  <c r="P165" i="1" s="1"/>
  <c r="O157" i="1"/>
  <c r="O165" i="1" s="1"/>
  <c r="N157" i="1"/>
  <c r="M157" i="1"/>
  <c r="L157" i="1"/>
  <c r="L165" i="1" s="1"/>
  <c r="K157" i="1"/>
  <c r="K165" i="1" s="1"/>
  <c r="J157" i="1"/>
  <c r="I157" i="1"/>
  <c r="H157" i="1"/>
  <c r="H165" i="1" s="1"/>
  <c r="G157" i="1"/>
  <c r="G165" i="1" s="1"/>
  <c r="P156" i="1"/>
  <c r="P159" i="1" s="1"/>
  <c r="O156" i="1"/>
  <c r="O159" i="1" s="1"/>
  <c r="O164" i="1" s="1"/>
  <c r="N156" i="1"/>
  <c r="M156" i="1"/>
  <c r="M159" i="1" s="1"/>
  <c r="M166" i="1" s="1"/>
  <c r="L156" i="1"/>
  <c r="L159" i="1" s="1"/>
  <c r="K156" i="1"/>
  <c r="K159" i="1" s="1"/>
  <c r="J156" i="1"/>
  <c r="I156" i="1"/>
  <c r="I159" i="1" s="1"/>
  <c r="I166" i="1" s="1"/>
  <c r="H156" i="1"/>
  <c r="H159" i="1" s="1"/>
  <c r="G156" i="1"/>
  <c r="G159" i="1" s="1"/>
  <c r="G164" i="1" s="1"/>
  <c r="Q151" i="1"/>
  <c r="P151" i="1"/>
  <c r="O151" i="1"/>
  <c r="N151" i="1"/>
  <c r="M151" i="1"/>
  <c r="L151" i="1"/>
  <c r="K151" i="1"/>
  <c r="J151" i="1"/>
  <c r="I151" i="1"/>
  <c r="H151" i="1"/>
  <c r="G151" i="1"/>
  <c r="N120" i="1"/>
  <c r="J120" i="1"/>
  <c r="Q119" i="1"/>
  <c r="P118" i="1"/>
  <c r="L118" i="1"/>
  <c r="J118" i="1"/>
  <c r="H118" i="1"/>
  <c r="Q113" i="1"/>
  <c r="P112" i="1"/>
  <c r="O112" i="1"/>
  <c r="N112" i="1"/>
  <c r="M112" i="1"/>
  <c r="L112" i="1"/>
  <c r="K112" i="1"/>
  <c r="J112" i="1"/>
  <c r="I112" i="1"/>
  <c r="H112" i="1"/>
  <c r="G112" i="1"/>
  <c r="P111" i="1"/>
  <c r="O111" i="1"/>
  <c r="N111" i="1"/>
  <c r="N119" i="1" s="1"/>
  <c r="M111" i="1"/>
  <c r="M119" i="1" s="1"/>
  <c r="L111" i="1"/>
  <c r="K111" i="1"/>
  <c r="J111" i="1"/>
  <c r="J119" i="1" s="1"/>
  <c r="I111" i="1"/>
  <c r="H111" i="1"/>
  <c r="G111" i="1"/>
  <c r="P110" i="1"/>
  <c r="P113" i="1" s="1"/>
  <c r="P120" i="1" s="1"/>
  <c r="O110" i="1"/>
  <c r="O113" i="1" s="1"/>
  <c r="N110" i="1"/>
  <c r="N113" i="1" s="1"/>
  <c r="N118" i="1" s="1"/>
  <c r="M110" i="1"/>
  <c r="M113" i="1" s="1"/>
  <c r="L110" i="1"/>
  <c r="L113" i="1" s="1"/>
  <c r="L120" i="1" s="1"/>
  <c r="K110" i="1"/>
  <c r="J110" i="1"/>
  <c r="J113" i="1" s="1"/>
  <c r="I110" i="1"/>
  <c r="H110" i="1"/>
  <c r="H113" i="1" s="1"/>
  <c r="H120" i="1" s="1"/>
  <c r="G110" i="1"/>
  <c r="G113" i="1" s="1"/>
  <c r="Q105" i="1"/>
  <c r="P105" i="1"/>
  <c r="O105" i="1"/>
  <c r="N105" i="1"/>
  <c r="M105" i="1"/>
  <c r="L105" i="1"/>
  <c r="K105" i="1"/>
  <c r="J105" i="1"/>
  <c r="I105" i="1"/>
  <c r="H105" i="1"/>
  <c r="G105" i="1"/>
  <c r="Q25" i="1"/>
  <c r="P25" i="1"/>
  <c r="O25" i="1"/>
  <c r="N25" i="1"/>
  <c r="M25" i="1"/>
  <c r="L25" i="1"/>
  <c r="K25" i="1"/>
  <c r="J25" i="1"/>
  <c r="I25" i="1"/>
  <c r="H25" i="1"/>
  <c r="G25" i="1"/>
  <c r="Q24" i="1"/>
  <c r="P24" i="1"/>
  <c r="O24" i="1"/>
  <c r="N24" i="1"/>
  <c r="M24" i="1"/>
  <c r="L24" i="1"/>
  <c r="K24" i="1"/>
  <c r="J24" i="1"/>
  <c r="I24" i="1"/>
  <c r="H24" i="1"/>
  <c r="G24" i="1"/>
  <c r="Q23" i="1"/>
  <c r="P23" i="1"/>
  <c r="O23" i="1"/>
  <c r="N23" i="1"/>
  <c r="M23" i="1"/>
  <c r="L23" i="1"/>
  <c r="K23" i="1"/>
  <c r="J23" i="1"/>
  <c r="I23" i="1"/>
  <c r="H23" i="1"/>
  <c r="G23" i="1"/>
  <c r="Q22" i="1"/>
  <c r="P22" i="1"/>
  <c r="O22" i="1"/>
  <c r="N22" i="1"/>
  <c r="M22" i="1"/>
  <c r="L22" i="1"/>
  <c r="K22" i="1"/>
  <c r="J22" i="1"/>
  <c r="I22" i="1"/>
  <c r="H22" i="1"/>
  <c r="G22" i="1"/>
  <c r="Q21" i="1"/>
  <c r="P21" i="1"/>
  <c r="O21" i="1"/>
  <c r="N21" i="1"/>
  <c r="M21" i="1"/>
  <c r="L21" i="1"/>
  <c r="K21" i="1"/>
  <c r="J21" i="1"/>
  <c r="I21" i="1"/>
  <c r="H21" i="1"/>
  <c r="G21" i="1"/>
  <c r="Q20" i="1"/>
  <c r="P20" i="1"/>
  <c r="O20" i="1"/>
  <c r="N20" i="1"/>
  <c r="M20" i="1"/>
  <c r="L20" i="1"/>
  <c r="K20" i="1"/>
  <c r="J20" i="1"/>
  <c r="I20" i="1"/>
  <c r="H20" i="1"/>
  <c r="G20" i="1"/>
  <c r="Q19" i="1"/>
  <c r="P19" i="1"/>
  <c r="O19" i="1"/>
  <c r="N19" i="1"/>
  <c r="M19" i="1"/>
  <c r="L19" i="1"/>
  <c r="K19" i="1"/>
  <c r="J19" i="1"/>
  <c r="I19" i="1"/>
  <c r="H19" i="1"/>
  <c r="G19" i="1"/>
  <c r="Q18" i="1"/>
  <c r="Q33" i="1" s="1"/>
  <c r="P18" i="1"/>
  <c r="O18" i="1"/>
  <c r="O33" i="1" s="1"/>
  <c r="N18" i="1"/>
  <c r="M18" i="1"/>
  <c r="M33" i="1" s="1"/>
  <c r="L18" i="1"/>
  <c r="K18" i="1"/>
  <c r="K33" i="1" s="1"/>
  <c r="J18" i="1"/>
  <c r="I18" i="1"/>
  <c r="I33" i="1" s="1"/>
  <c r="H18" i="1"/>
  <c r="G18" i="1"/>
  <c r="G33" i="1" s="1"/>
  <c r="Q17" i="1"/>
  <c r="P17" i="1"/>
  <c r="O17" i="1"/>
  <c r="N17" i="1"/>
  <c r="M17" i="1"/>
  <c r="L17" i="1"/>
  <c r="K17" i="1"/>
  <c r="J17" i="1"/>
  <c r="I17" i="1"/>
  <c r="H17" i="1"/>
  <c r="G17" i="1"/>
  <c r="Q16" i="1"/>
  <c r="P16" i="1"/>
  <c r="O16" i="1"/>
  <c r="N16" i="1"/>
  <c r="M16" i="1"/>
  <c r="L16" i="1"/>
  <c r="K16" i="1"/>
  <c r="J16" i="1"/>
  <c r="I16" i="1"/>
  <c r="H16" i="1"/>
  <c r="G16" i="1"/>
  <c r="Q15" i="1"/>
  <c r="P15" i="1"/>
  <c r="O15" i="1"/>
  <c r="N15" i="1"/>
  <c r="M15" i="1"/>
  <c r="L15" i="1"/>
  <c r="K15" i="1"/>
  <c r="J15" i="1"/>
  <c r="I15" i="1"/>
  <c r="H15" i="1"/>
  <c r="G15" i="1"/>
  <c r="Q14" i="1"/>
  <c r="P14" i="1"/>
  <c r="O14" i="1"/>
  <c r="N14" i="1"/>
  <c r="M14" i="1"/>
  <c r="L14" i="1"/>
  <c r="K14" i="1"/>
  <c r="J14" i="1"/>
  <c r="I14" i="1"/>
  <c r="H14" i="1"/>
  <c r="G14" i="1"/>
  <c r="Q13" i="1"/>
  <c r="P13" i="1"/>
  <c r="O13" i="1"/>
  <c r="N13" i="1"/>
  <c r="M13" i="1"/>
  <c r="L13" i="1"/>
  <c r="K13" i="1"/>
  <c r="J13" i="1"/>
  <c r="I13" i="1"/>
  <c r="H13" i="1"/>
  <c r="G13" i="1"/>
  <c r="Q12" i="1"/>
  <c r="P12" i="1"/>
  <c r="O12" i="1"/>
  <c r="N12" i="1"/>
  <c r="M12" i="1"/>
  <c r="L12" i="1"/>
  <c r="K12" i="1"/>
  <c r="J12" i="1"/>
  <c r="I12" i="1"/>
  <c r="H12" i="1"/>
  <c r="G12" i="1"/>
  <c r="Q11" i="1"/>
  <c r="P11" i="1"/>
  <c r="O11" i="1"/>
  <c r="N11" i="1"/>
  <c r="M11" i="1"/>
  <c r="L11" i="1"/>
  <c r="K11" i="1"/>
  <c r="J11" i="1"/>
  <c r="I11" i="1"/>
  <c r="H11" i="1"/>
  <c r="G11" i="1"/>
  <c r="Q10" i="1"/>
  <c r="P10" i="1"/>
  <c r="O10" i="1"/>
  <c r="N10" i="1"/>
  <c r="M10" i="1"/>
  <c r="L10" i="1"/>
  <c r="K10" i="1"/>
  <c r="J10" i="1"/>
  <c r="I10" i="1"/>
  <c r="H10" i="1"/>
  <c r="G10" i="1"/>
  <c r="Q9" i="1"/>
  <c r="P9" i="1"/>
  <c r="O9" i="1"/>
  <c r="N9" i="1"/>
  <c r="M9" i="1"/>
  <c r="L9" i="1"/>
  <c r="K9" i="1"/>
  <c r="J9" i="1"/>
  <c r="I9" i="1"/>
  <c r="H9" i="1"/>
  <c r="G9" i="1"/>
  <c r="Q8" i="1"/>
  <c r="P8" i="1"/>
  <c r="P32" i="1" s="1"/>
  <c r="O8" i="1"/>
  <c r="O32" i="1" s="1"/>
  <c r="N8" i="1"/>
  <c r="N32" i="1" s="1"/>
  <c r="M8" i="1"/>
  <c r="M32" i="1" s="1"/>
  <c r="L8" i="1"/>
  <c r="L32" i="1" s="1"/>
  <c r="K8" i="1"/>
  <c r="K32" i="1" s="1"/>
  <c r="J8" i="1"/>
  <c r="J32" i="1" s="1"/>
  <c r="I8" i="1"/>
  <c r="I32" i="1" s="1"/>
  <c r="H8" i="1"/>
  <c r="H32" i="1" s="1"/>
  <c r="G8" i="1"/>
  <c r="G32" i="1" s="1"/>
  <c r="Q7" i="1"/>
  <c r="P7" i="1"/>
  <c r="O7" i="1"/>
  <c r="N7" i="1"/>
  <c r="M7" i="1"/>
  <c r="L7" i="1"/>
  <c r="K7" i="1"/>
  <c r="J7" i="1"/>
  <c r="I7" i="1"/>
  <c r="H7" i="1"/>
  <c r="G7" i="1"/>
  <c r="Q6" i="1"/>
  <c r="P6" i="1"/>
  <c r="O6" i="1"/>
  <c r="O26" i="1" s="1"/>
  <c r="N6" i="1"/>
  <c r="M6" i="1"/>
  <c r="L6" i="1"/>
  <c r="K6" i="1"/>
  <c r="K26" i="1" s="1"/>
  <c r="J6" i="1"/>
  <c r="I6" i="1"/>
  <c r="H6" i="1"/>
  <c r="G6" i="1"/>
  <c r="G26" i="1" s="1"/>
  <c r="Q5" i="1"/>
  <c r="Q26" i="1" s="1"/>
  <c r="P5" i="1"/>
  <c r="P26" i="1" s="1"/>
  <c r="O5" i="1"/>
  <c r="O31" i="1" s="1"/>
  <c r="N5" i="1"/>
  <c r="N31" i="1" s="1"/>
  <c r="M5" i="1"/>
  <c r="M26" i="1" s="1"/>
  <c r="L5" i="1"/>
  <c r="L26" i="1" s="1"/>
  <c r="K5" i="1"/>
  <c r="K31" i="1" s="1"/>
  <c r="J5" i="1"/>
  <c r="J31" i="1" s="1"/>
  <c r="I5" i="1"/>
  <c r="I26" i="1" s="1"/>
  <c r="H5" i="1"/>
  <c r="H26" i="1" s="1"/>
  <c r="G5" i="1"/>
  <c r="G31" i="1" s="1"/>
  <c r="J34" i="1" l="1"/>
  <c r="J39" i="1" s="1"/>
  <c r="G34" i="1"/>
  <c r="G41" i="1" s="1"/>
  <c r="O34" i="1"/>
  <c r="O41" i="1" s="1"/>
  <c r="J40" i="1"/>
  <c r="G119" i="1"/>
  <c r="O119" i="1"/>
  <c r="K34" i="1"/>
  <c r="K39" i="1" s="1"/>
  <c r="J33" i="1"/>
  <c r="N33" i="1"/>
  <c r="N34" i="1" s="1"/>
  <c r="J26" i="1"/>
  <c r="N26" i="1"/>
  <c r="P26" i="2"/>
  <c r="P31" i="2"/>
  <c r="H31" i="2"/>
  <c r="I118" i="2"/>
  <c r="I120" i="2"/>
  <c r="M118" i="2"/>
  <c r="M120" i="2"/>
  <c r="I166" i="2"/>
  <c r="M166" i="2"/>
  <c r="I34" i="3"/>
  <c r="I39" i="3" s="1"/>
  <c r="M34" i="3"/>
  <c r="M39" i="3" s="1"/>
  <c r="Q34" i="3"/>
  <c r="Q39" i="3" s="1"/>
  <c r="M40" i="3"/>
  <c r="I119" i="3"/>
  <c r="M119" i="3"/>
  <c r="N165" i="3"/>
  <c r="H31" i="1"/>
  <c r="L31" i="1"/>
  <c r="P31" i="1"/>
  <c r="M118" i="1"/>
  <c r="M120" i="1"/>
  <c r="J166" i="1"/>
  <c r="J159" i="1"/>
  <c r="J165" i="1" s="1"/>
  <c r="J39" i="2"/>
  <c r="J34" i="2"/>
  <c r="J41" i="2" s="1"/>
  <c r="H119" i="2"/>
  <c r="L119" i="2"/>
  <c r="P119" i="2"/>
  <c r="J120" i="2"/>
  <c r="N120" i="2"/>
  <c r="J166" i="2"/>
  <c r="J164" i="2"/>
  <c r="N166" i="2"/>
  <c r="N164" i="2"/>
  <c r="H165" i="2"/>
  <c r="L165" i="2"/>
  <c r="P165" i="2"/>
  <c r="J34" i="3"/>
  <c r="J41" i="3" s="1"/>
  <c r="I40" i="3"/>
  <c r="Q40" i="3"/>
  <c r="Q32" i="1"/>
  <c r="H33" i="1"/>
  <c r="L33" i="1"/>
  <c r="P33" i="1"/>
  <c r="I31" i="1"/>
  <c r="M31" i="1"/>
  <c r="Q31" i="1"/>
  <c r="H119" i="1"/>
  <c r="L119" i="1"/>
  <c r="P119" i="1"/>
  <c r="I113" i="1"/>
  <c r="I120" i="1" s="1"/>
  <c r="Q118" i="1"/>
  <c r="Q120" i="1"/>
  <c r="I165" i="1"/>
  <c r="M165" i="1"/>
  <c r="J26" i="2"/>
  <c r="N31" i="2"/>
  <c r="N26" i="2"/>
  <c r="I32" i="2"/>
  <c r="M32" i="2"/>
  <c r="M34" i="2" s="1"/>
  <c r="Q32" i="2"/>
  <c r="G33" i="2"/>
  <c r="K33" i="2"/>
  <c r="O33" i="2"/>
  <c r="H33" i="2"/>
  <c r="L33" i="2"/>
  <c r="P33" i="2"/>
  <c r="L31" i="2"/>
  <c r="G120" i="2"/>
  <c r="G118" i="2"/>
  <c r="K120" i="2"/>
  <c r="K118" i="2"/>
  <c r="O120" i="2"/>
  <c r="O118" i="2"/>
  <c r="I119" i="2"/>
  <c r="M119" i="2"/>
  <c r="I165" i="2"/>
  <c r="M165" i="2"/>
  <c r="G166" i="2"/>
  <c r="K166" i="2"/>
  <c r="O166" i="2"/>
  <c r="J40" i="3"/>
  <c r="M41" i="3"/>
  <c r="O40" i="1"/>
  <c r="G118" i="1"/>
  <c r="O118" i="1"/>
  <c r="G120" i="1"/>
  <c r="O120" i="1"/>
  <c r="K113" i="1"/>
  <c r="K120" i="1" s="1"/>
  <c r="H164" i="1"/>
  <c r="L164" i="1"/>
  <c r="P164" i="1"/>
  <c r="H166" i="1"/>
  <c r="L166" i="1"/>
  <c r="P166" i="1"/>
  <c r="N159" i="1"/>
  <c r="N164" i="1" s="1"/>
  <c r="G34" i="2"/>
  <c r="G40" i="2" s="1"/>
  <c r="G39" i="2"/>
  <c r="K34" i="2"/>
  <c r="K40" i="2" s="1"/>
  <c r="O34" i="2"/>
  <c r="O40" i="2" s="1"/>
  <c r="O39" i="2"/>
  <c r="J40" i="2"/>
  <c r="J119" i="2"/>
  <c r="N119" i="2"/>
  <c r="H120" i="2"/>
  <c r="L120" i="2"/>
  <c r="P120" i="2"/>
  <c r="H164" i="2"/>
  <c r="H166" i="2"/>
  <c r="L164" i="2"/>
  <c r="L166" i="2"/>
  <c r="P164" i="2"/>
  <c r="P166" i="2"/>
  <c r="J165" i="2"/>
  <c r="N165" i="2"/>
  <c r="H39" i="3"/>
  <c r="H34" i="3"/>
  <c r="H40" i="3" s="1"/>
  <c r="L34" i="3"/>
  <c r="L40" i="3" s="1"/>
  <c r="I41" i="3"/>
  <c r="Q41" i="3"/>
  <c r="J118" i="2"/>
  <c r="N118" i="2"/>
  <c r="I164" i="2"/>
  <c r="M164" i="2"/>
  <c r="Q164" i="2"/>
  <c r="G32" i="3"/>
  <c r="K32" i="3"/>
  <c r="O32" i="3"/>
  <c r="I26" i="3"/>
  <c r="M26" i="3"/>
  <c r="Q26" i="3"/>
  <c r="O31" i="3"/>
  <c r="Q118" i="3"/>
  <c r="Q120" i="3"/>
  <c r="H120" i="3"/>
  <c r="G164" i="3"/>
  <c r="O164" i="3"/>
  <c r="J31" i="4"/>
  <c r="J26" i="4"/>
  <c r="N31" i="4"/>
  <c r="N26" i="4"/>
  <c r="K41" i="4"/>
  <c r="L31" i="4"/>
  <c r="G31" i="3"/>
  <c r="K31" i="3"/>
  <c r="P31" i="3"/>
  <c r="O118" i="3"/>
  <c r="O120" i="3"/>
  <c r="K113" i="3"/>
  <c r="K118" i="3" s="1"/>
  <c r="L164" i="3"/>
  <c r="P164" i="3"/>
  <c r="H166" i="3"/>
  <c r="L166" i="3"/>
  <c r="G39" i="4"/>
  <c r="K39" i="4"/>
  <c r="P34" i="4"/>
  <c r="P41" i="4" s="1"/>
  <c r="H118" i="2"/>
  <c r="L118" i="2"/>
  <c r="P118" i="2"/>
  <c r="G164" i="2"/>
  <c r="K164" i="2"/>
  <c r="O164" i="2"/>
  <c r="N31" i="3"/>
  <c r="N119" i="3"/>
  <c r="L120" i="3"/>
  <c r="H159" i="3"/>
  <c r="H165" i="3" s="1"/>
  <c r="P159" i="3"/>
  <c r="P165" i="3" s="1"/>
  <c r="K164" i="3"/>
  <c r="G40" i="4"/>
  <c r="K40" i="4"/>
  <c r="O32" i="4"/>
  <c r="M41" i="4"/>
  <c r="H41" i="3"/>
  <c r="L41" i="3"/>
  <c r="I118" i="3"/>
  <c r="M118" i="3"/>
  <c r="I120" i="3"/>
  <c r="M120" i="3"/>
  <c r="G113" i="3"/>
  <c r="G119" i="3" s="1"/>
  <c r="O113" i="3"/>
  <c r="O119" i="3" s="1"/>
  <c r="N164" i="3"/>
  <c r="N166" i="3"/>
  <c r="J159" i="3"/>
  <c r="J165" i="3" s="1"/>
  <c r="I34" i="4"/>
  <c r="I41" i="4" s="1"/>
  <c r="M34" i="4"/>
  <c r="M40" i="4" s="1"/>
  <c r="M39" i="4"/>
  <c r="Q34" i="4"/>
  <c r="Q41" i="4" s="1"/>
  <c r="P40" i="4"/>
  <c r="H34" i="4"/>
  <c r="H41" i="4" s="1"/>
  <c r="J113" i="4"/>
  <c r="J119" i="4" s="1"/>
  <c r="J118" i="4"/>
  <c r="N113" i="4"/>
  <c r="N119" i="4" s="1"/>
  <c r="H119" i="4"/>
  <c r="L113" i="4"/>
  <c r="L118" i="4" s="1"/>
  <c r="J120" i="4"/>
  <c r="N120" i="4"/>
  <c r="P113" i="4"/>
  <c r="P118" i="4" s="1"/>
  <c r="J113" i="3"/>
  <c r="J119" i="3" s="1"/>
  <c r="N113" i="3"/>
  <c r="I159" i="3"/>
  <c r="I165" i="3" s="1"/>
  <c r="M159" i="3"/>
  <c r="G119" i="4"/>
  <c r="I120" i="4"/>
  <c r="M120" i="4"/>
  <c r="G113" i="4"/>
  <c r="G120" i="4" s="1"/>
  <c r="O113" i="4"/>
  <c r="O120" i="4" s="1"/>
  <c r="I118" i="4"/>
  <c r="I159" i="4"/>
  <c r="I165" i="4" s="1"/>
  <c r="M159" i="4"/>
  <c r="M165" i="4" s="1"/>
  <c r="M164" i="4"/>
  <c r="G165" i="4"/>
  <c r="K165" i="4"/>
  <c r="O165" i="4"/>
  <c r="I166" i="4"/>
  <c r="G159" i="4"/>
  <c r="G164" i="4" s="1"/>
  <c r="H164" i="4"/>
  <c r="G34" i="5"/>
  <c r="G39" i="5" s="1"/>
  <c r="G40" i="5"/>
  <c r="G120" i="5"/>
  <c r="G119" i="5"/>
  <c r="N164" i="4"/>
  <c r="L120" i="5"/>
  <c r="L118" i="5"/>
  <c r="J34" i="6"/>
  <c r="J40" i="6" s="1"/>
  <c r="N34" i="6"/>
  <c r="N40" i="6" s="1"/>
  <c r="N39" i="6"/>
  <c r="G118" i="4"/>
  <c r="O118" i="4"/>
  <c r="K113" i="4"/>
  <c r="K120" i="4" s="1"/>
  <c r="M118" i="4"/>
  <c r="G166" i="4"/>
  <c r="K166" i="4"/>
  <c r="O166" i="4"/>
  <c r="O159" i="4"/>
  <c r="O164" i="4" s="1"/>
  <c r="P164" i="4"/>
  <c r="I34" i="5"/>
  <c r="I41" i="5" s="1"/>
  <c r="H120" i="4"/>
  <c r="L120" i="4"/>
  <c r="P120" i="4"/>
  <c r="H166" i="4"/>
  <c r="L166" i="4"/>
  <c r="P166" i="4"/>
  <c r="J159" i="4"/>
  <c r="J166" i="4" s="1"/>
  <c r="N159" i="4"/>
  <c r="N166" i="4" s="1"/>
  <c r="I32" i="5"/>
  <c r="M32" i="5"/>
  <c r="M34" i="5" s="1"/>
  <c r="Q32" i="5"/>
  <c r="G26" i="5"/>
  <c r="Q26" i="5"/>
  <c r="K31" i="5"/>
  <c r="M120" i="5"/>
  <c r="Q118" i="5"/>
  <c r="Q119" i="5"/>
  <c r="J159" i="5"/>
  <c r="J165" i="5" s="1"/>
  <c r="H164" i="5"/>
  <c r="G26" i="6"/>
  <c r="G31" i="6"/>
  <c r="K26" i="6"/>
  <c r="K31" i="6"/>
  <c r="O26" i="6"/>
  <c r="O31" i="6"/>
  <c r="I26" i="6"/>
  <c r="Q26" i="6"/>
  <c r="K119" i="6"/>
  <c r="I120" i="6"/>
  <c r="M120" i="6"/>
  <c r="G113" i="6"/>
  <c r="G119" i="6" s="1"/>
  <c r="O113" i="6"/>
  <c r="I118" i="6"/>
  <c r="K120" i="6"/>
  <c r="J165" i="6"/>
  <c r="H166" i="6"/>
  <c r="L166" i="6"/>
  <c r="P166" i="6"/>
  <c r="N159" i="6"/>
  <c r="H164" i="6"/>
  <c r="P164" i="6"/>
  <c r="J166" i="6"/>
  <c r="M26" i="5"/>
  <c r="L119" i="5"/>
  <c r="P119" i="5"/>
  <c r="H113" i="5"/>
  <c r="H119" i="5" s="1"/>
  <c r="M118" i="5"/>
  <c r="H166" i="5"/>
  <c r="L166" i="5"/>
  <c r="P166" i="5"/>
  <c r="P159" i="5"/>
  <c r="P165" i="5" s="1"/>
  <c r="L39" i="6"/>
  <c r="J41" i="6"/>
  <c r="N41" i="6"/>
  <c r="L26" i="6"/>
  <c r="P34" i="6"/>
  <c r="P39" i="6" s="1"/>
  <c r="J113" i="6"/>
  <c r="J118" i="6" s="1"/>
  <c r="N113" i="6"/>
  <c r="N119" i="6" s="1"/>
  <c r="L119" i="6"/>
  <c r="P119" i="6"/>
  <c r="H113" i="6"/>
  <c r="H118" i="6" s="1"/>
  <c r="P113" i="6"/>
  <c r="P118" i="6" s="1"/>
  <c r="I159" i="6"/>
  <c r="I164" i="6"/>
  <c r="M159" i="6"/>
  <c r="M165" i="6" s="1"/>
  <c r="K165" i="6"/>
  <c r="O165" i="6"/>
  <c r="G159" i="6"/>
  <c r="G164" i="6" s="1"/>
  <c r="O159" i="6"/>
  <c r="O164" i="6" s="1"/>
  <c r="H31" i="5"/>
  <c r="L31" i="5"/>
  <c r="P31" i="5"/>
  <c r="I26" i="5"/>
  <c r="N26" i="5"/>
  <c r="G118" i="5"/>
  <c r="I113" i="5"/>
  <c r="I119" i="5" s="1"/>
  <c r="O113" i="5"/>
  <c r="O120" i="5" s="1"/>
  <c r="N118" i="5"/>
  <c r="K165" i="5"/>
  <c r="O165" i="5"/>
  <c r="G159" i="5"/>
  <c r="G165" i="5" s="1"/>
  <c r="L159" i="5"/>
  <c r="L165" i="5" s="1"/>
  <c r="K164" i="5"/>
  <c r="H32" i="6"/>
  <c r="L32" i="6"/>
  <c r="P32" i="6"/>
  <c r="M26" i="6"/>
  <c r="J33" i="5"/>
  <c r="J34" i="5" s="1"/>
  <c r="N33" i="5"/>
  <c r="J26" i="5"/>
  <c r="P26" i="5"/>
  <c r="O31" i="5"/>
  <c r="K113" i="5"/>
  <c r="K120" i="5" s="1"/>
  <c r="P113" i="5"/>
  <c r="J118" i="5"/>
  <c r="J164" i="5"/>
  <c r="N164" i="5"/>
  <c r="N159" i="5"/>
  <c r="N166" i="5" s="1"/>
  <c r="J26" i="6"/>
  <c r="N26" i="6"/>
  <c r="I32" i="6"/>
  <c r="M32" i="6"/>
  <c r="Q32" i="6"/>
  <c r="H26" i="6"/>
  <c r="P26" i="6"/>
  <c r="L34" i="6"/>
  <c r="L41" i="6" s="1"/>
  <c r="H120" i="6"/>
  <c r="P120" i="6"/>
  <c r="G166" i="6"/>
  <c r="O166" i="6"/>
  <c r="M41" i="5" l="1"/>
  <c r="M39" i="5"/>
  <c r="N39" i="1"/>
  <c r="N40" i="1"/>
  <c r="J39" i="5"/>
  <c r="J40" i="5"/>
  <c r="M41" i="2"/>
  <c r="M39" i="2"/>
  <c r="P118" i="5"/>
  <c r="P120" i="5"/>
  <c r="P40" i="6"/>
  <c r="O118" i="5"/>
  <c r="G165" i="6"/>
  <c r="I166" i="6"/>
  <c r="I165" i="6"/>
  <c r="I40" i="5"/>
  <c r="P164" i="5"/>
  <c r="K118" i="4"/>
  <c r="J39" i="6"/>
  <c r="M34" i="6"/>
  <c r="P41" i="6"/>
  <c r="O119" i="5"/>
  <c r="I118" i="5"/>
  <c r="I164" i="4"/>
  <c r="K119" i="4"/>
  <c r="N120" i="3"/>
  <c r="N118" i="3"/>
  <c r="H40" i="4"/>
  <c r="O40" i="4"/>
  <c r="O34" i="4"/>
  <c r="P166" i="3"/>
  <c r="K120" i="3"/>
  <c r="G118" i="3"/>
  <c r="L34" i="4"/>
  <c r="L39" i="4" s="1"/>
  <c r="J34" i="4"/>
  <c r="O34" i="3"/>
  <c r="O41" i="3" s="1"/>
  <c r="O40" i="3"/>
  <c r="H39" i="4"/>
  <c r="L39" i="3"/>
  <c r="K39" i="2"/>
  <c r="K118" i="1"/>
  <c r="Q40" i="4"/>
  <c r="K41" i="2"/>
  <c r="Q34" i="1"/>
  <c r="Q41" i="1" s="1"/>
  <c r="J39" i="3"/>
  <c r="J164" i="1"/>
  <c r="I118" i="1"/>
  <c r="P39" i="4"/>
  <c r="J41" i="1"/>
  <c r="K40" i="1"/>
  <c r="K119" i="1"/>
  <c r="O39" i="1"/>
  <c r="H40" i="6"/>
  <c r="H34" i="5"/>
  <c r="N41" i="5"/>
  <c r="L40" i="6"/>
  <c r="G164" i="5"/>
  <c r="G166" i="5"/>
  <c r="K118" i="5"/>
  <c r="P34" i="5"/>
  <c r="M164" i="6"/>
  <c r="H119" i="6"/>
  <c r="J120" i="6"/>
  <c r="J119" i="6"/>
  <c r="K34" i="6"/>
  <c r="K39" i="6"/>
  <c r="G41" i="5"/>
  <c r="N165" i="4"/>
  <c r="L164" i="5"/>
  <c r="J166" i="5"/>
  <c r="K119" i="5"/>
  <c r="M166" i="4"/>
  <c r="J118" i="3"/>
  <c r="J120" i="3"/>
  <c r="P119" i="4"/>
  <c r="N118" i="4"/>
  <c r="Q39" i="4"/>
  <c r="I39" i="4"/>
  <c r="J166" i="3"/>
  <c r="N34" i="3"/>
  <c r="N39" i="3" s="1"/>
  <c r="H164" i="3"/>
  <c r="G120" i="3"/>
  <c r="P34" i="3"/>
  <c r="P39" i="3" s="1"/>
  <c r="I40" i="4"/>
  <c r="K119" i="3"/>
  <c r="L41" i="2"/>
  <c r="G41" i="2"/>
  <c r="M34" i="1"/>
  <c r="M39" i="1" s="1"/>
  <c r="H41" i="1"/>
  <c r="N166" i="1"/>
  <c r="P39" i="1"/>
  <c r="P34" i="1"/>
  <c r="P40" i="1" s="1"/>
  <c r="G40" i="1"/>
  <c r="N165" i="1"/>
  <c r="K41" i="1"/>
  <c r="I119" i="1"/>
  <c r="O34" i="5"/>
  <c r="O39" i="5"/>
  <c r="L34" i="5"/>
  <c r="N118" i="6"/>
  <c r="H120" i="5"/>
  <c r="H118" i="5"/>
  <c r="N164" i="6"/>
  <c r="N166" i="6"/>
  <c r="N165" i="6"/>
  <c r="O118" i="6"/>
  <c r="O120" i="6"/>
  <c r="O119" i="6"/>
  <c r="I120" i="5"/>
  <c r="N34" i="5"/>
  <c r="J165" i="4"/>
  <c r="N165" i="5"/>
  <c r="Q34" i="5"/>
  <c r="M166" i="6"/>
  <c r="Q34" i="6"/>
  <c r="Q40" i="6" s="1"/>
  <c r="I34" i="6"/>
  <c r="M164" i="3"/>
  <c r="M166" i="3"/>
  <c r="K34" i="3"/>
  <c r="K41" i="3" s="1"/>
  <c r="N34" i="4"/>
  <c r="H41" i="2"/>
  <c r="N34" i="2"/>
  <c r="N39" i="2" s="1"/>
  <c r="I34" i="1"/>
  <c r="I39" i="1" s="1"/>
  <c r="L34" i="1"/>
  <c r="L40" i="1" s="1"/>
  <c r="H34" i="2"/>
  <c r="H40" i="2" s="1"/>
  <c r="H39" i="2"/>
  <c r="G39" i="1"/>
  <c r="J41" i="5"/>
  <c r="H34" i="6"/>
  <c r="G118" i="6"/>
  <c r="G120" i="6"/>
  <c r="O34" i="6"/>
  <c r="O39" i="6" s="1"/>
  <c r="G34" i="6"/>
  <c r="G39" i="6"/>
  <c r="K34" i="5"/>
  <c r="K39" i="5" s="1"/>
  <c r="M40" i="5"/>
  <c r="I39" i="5"/>
  <c r="N120" i="6"/>
  <c r="J164" i="4"/>
  <c r="O119" i="4"/>
  <c r="I164" i="3"/>
  <c r="I166" i="3"/>
  <c r="L119" i="4"/>
  <c r="J164" i="3"/>
  <c r="G34" i="3"/>
  <c r="G41" i="3" s="1"/>
  <c r="M165" i="3"/>
  <c r="L34" i="2"/>
  <c r="L40" i="2" s="1"/>
  <c r="L39" i="2"/>
  <c r="O41" i="2"/>
  <c r="M40" i="2"/>
  <c r="P41" i="1"/>
  <c r="Q34" i="2"/>
  <c r="Q40" i="2" s="1"/>
  <c r="I34" i="2"/>
  <c r="H34" i="1"/>
  <c r="H40" i="1" s="1"/>
  <c r="P34" i="2"/>
  <c r="P40" i="2" s="1"/>
  <c r="P39" i="2"/>
  <c r="N41" i="1"/>
  <c r="G41" i="6" l="1"/>
  <c r="G40" i="6"/>
  <c r="Q40" i="1"/>
  <c r="N40" i="4"/>
  <c r="N41" i="4"/>
  <c r="N40" i="5"/>
  <c r="N39" i="5"/>
  <c r="L41" i="5"/>
  <c r="L40" i="5"/>
  <c r="P41" i="5"/>
  <c r="P40" i="5"/>
  <c r="H40" i="5"/>
  <c r="H41" i="5"/>
  <c r="L41" i="1"/>
  <c r="H39" i="1"/>
  <c r="H41" i="6"/>
  <c r="H39" i="6"/>
  <c r="N39" i="4"/>
  <c r="Q39" i="5"/>
  <c r="Q41" i="5"/>
  <c r="Q40" i="5"/>
  <c r="L39" i="5"/>
  <c r="M40" i="1"/>
  <c r="M41" i="1"/>
  <c r="P39" i="5"/>
  <c r="H39" i="5"/>
  <c r="Q39" i="1"/>
  <c r="P41" i="2"/>
  <c r="O39" i="3"/>
  <c r="L40" i="4"/>
  <c r="L41" i="4"/>
  <c r="O41" i="4"/>
  <c r="O39" i="4"/>
  <c r="I41" i="2"/>
  <c r="I39" i="2"/>
  <c r="K40" i="5"/>
  <c r="K41" i="5"/>
  <c r="O40" i="6"/>
  <c r="O41" i="6"/>
  <c r="I41" i="1"/>
  <c r="I40" i="1"/>
  <c r="I39" i="6"/>
  <c r="I41" i="6"/>
  <c r="K40" i="3"/>
  <c r="J41" i="4"/>
  <c r="J40" i="4"/>
  <c r="Q39" i="2"/>
  <c r="Q41" i="2"/>
  <c r="G39" i="3"/>
  <c r="L39" i="1"/>
  <c r="N41" i="2"/>
  <c r="N40" i="2"/>
  <c r="G40" i="3"/>
  <c r="K39" i="3"/>
  <c r="Q39" i="6"/>
  <c r="Q41" i="6"/>
  <c r="O41" i="5"/>
  <c r="O40" i="5"/>
  <c r="P40" i="3"/>
  <c r="P41" i="3"/>
  <c r="N41" i="3"/>
  <c r="N40" i="3"/>
  <c r="K41" i="6"/>
  <c r="K40" i="6"/>
  <c r="I40" i="6"/>
  <c r="I40" i="2"/>
  <c r="J39" i="4"/>
  <c r="M39" i="6"/>
  <c r="M41" i="6"/>
  <c r="M40" i="6"/>
</calcChain>
</file>

<file path=xl/sharedStrings.xml><?xml version="1.0" encoding="utf-8"?>
<sst xmlns="http://schemas.openxmlformats.org/spreadsheetml/2006/main" count="3432" uniqueCount="109">
  <si>
    <t>0101．下タ（合計）・各年９月末住民基本台帳人口</t>
    <rPh sb="5" eb="6">
      <t>シモ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101．下タ(男）</t>
    <rPh sb="8" eb="9">
      <t>オトコ</t>
    </rPh>
    <phoneticPr fontId="3"/>
  </si>
  <si>
    <t>男計</t>
    <rPh sb="0" eb="1">
      <t>オトコ</t>
    </rPh>
    <rPh sb="1" eb="2">
      <t>ケイ</t>
    </rPh>
    <phoneticPr fontId="3"/>
  </si>
  <si>
    <t>0101．下タ(女）</t>
    <rPh sb="8" eb="9">
      <t>オンナ</t>
    </rPh>
    <phoneticPr fontId="3"/>
  </si>
  <si>
    <t>女計</t>
    <rPh sb="0" eb="1">
      <t>オンナ</t>
    </rPh>
    <rPh sb="1" eb="2">
      <t>ケイ</t>
    </rPh>
    <phoneticPr fontId="3"/>
  </si>
  <si>
    <t>0102．小羽（合計）・各年９月末住民基本台帳人口</t>
    <rPh sb="5" eb="6">
      <t>コ</t>
    </rPh>
    <rPh sb="6" eb="7">
      <t>ハネ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102．小羽(男）</t>
    <rPh sb="8" eb="9">
      <t>オトコ</t>
    </rPh>
    <phoneticPr fontId="3"/>
  </si>
  <si>
    <t>0102．小羽(女）</t>
    <rPh sb="8" eb="9">
      <t>オンナ</t>
    </rPh>
    <phoneticPr fontId="3"/>
  </si>
  <si>
    <t>0103．船峅（合計）・各年９月末住民基本台帳人口</t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103．船峅(男）</t>
    <rPh sb="8" eb="9">
      <t>オトコ</t>
    </rPh>
    <phoneticPr fontId="3"/>
  </si>
  <si>
    <t>0103．船峅(女）</t>
    <rPh sb="8" eb="9">
      <t>オンナ</t>
    </rPh>
    <phoneticPr fontId="3"/>
  </si>
  <si>
    <t>0104．大沢野（合計）・各年９月末住民基本台帳人口</t>
    <rPh sb="9" eb="11">
      <t>ゴウケイ</t>
    </rPh>
    <rPh sb="13" eb="15">
      <t>カクネン</t>
    </rPh>
    <rPh sb="16" eb="17">
      <t>ガツ</t>
    </rPh>
    <rPh sb="17" eb="18">
      <t>マツ</t>
    </rPh>
    <rPh sb="18" eb="20">
      <t>ジュウミン</t>
    </rPh>
    <rPh sb="20" eb="22">
      <t>キホン</t>
    </rPh>
    <rPh sb="22" eb="24">
      <t>ダイチョウ</t>
    </rPh>
    <rPh sb="24" eb="26">
      <t>ジンコウ</t>
    </rPh>
    <phoneticPr fontId="3"/>
  </si>
  <si>
    <t>0104．大沢野(男）</t>
    <rPh sb="9" eb="10">
      <t>オトコ</t>
    </rPh>
    <phoneticPr fontId="3"/>
  </si>
  <si>
    <t>0104．大沢野(女）</t>
    <rPh sb="9" eb="10">
      <t>オンナ</t>
    </rPh>
    <phoneticPr fontId="3"/>
  </si>
  <si>
    <t>0105．大久保（合計）・各年９月末住民基本台帳人口</t>
    <rPh sb="9" eb="11">
      <t>ゴウケイ</t>
    </rPh>
    <rPh sb="13" eb="15">
      <t>カクネン</t>
    </rPh>
    <rPh sb="16" eb="17">
      <t>ガツ</t>
    </rPh>
    <rPh sb="17" eb="18">
      <t>マツ</t>
    </rPh>
    <rPh sb="18" eb="20">
      <t>ジュウミン</t>
    </rPh>
    <rPh sb="20" eb="22">
      <t>キホン</t>
    </rPh>
    <rPh sb="22" eb="24">
      <t>ダイチョウ</t>
    </rPh>
    <rPh sb="24" eb="26">
      <t>ジンコウ</t>
    </rPh>
    <phoneticPr fontId="3"/>
  </si>
  <si>
    <t>0105．大久保(男）</t>
    <rPh sb="9" eb="10">
      <t>オトコ</t>
    </rPh>
    <phoneticPr fontId="3"/>
  </si>
  <si>
    <t>0105．大久保(女）</t>
    <rPh sb="9" eb="10">
      <t>オンナ</t>
    </rPh>
    <phoneticPr fontId="3"/>
  </si>
  <si>
    <t>大沢野地域（合計）・各年９月末住民基本台帳人口</t>
    <rPh sb="0" eb="3">
      <t>オオサワノ</t>
    </rPh>
    <rPh sb="3" eb="5">
      <t>チイキ</t>
    </rPh>
    <phoneticPr fontId="3"/>
  </si>
  <si>
    <r>
      <t>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明朝"/>
        <family val="1"/>
        <charset val="128"/>
      </rPr>
      <t>～</t>
    </r>
  </si>
  <si>
    <t>計</t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大沢野地域(男）</t>
    <rPh sb="3" eb="5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t>男計</t>
    <rPh sb="0" eb="1">
      <t>オト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t>※　割合は四捨五入してあるので、加えても100にならないことがある。</t>
  </si>
  <si>
    <t>大沢野地域(女）</t>
    <rPh sb="3" eb="5">
      <t>チイキ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.0"/>
    <numFmt numFmtId="177" formatCode="#,##0.0"/>
  </numFmts>
  <fonts count="1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2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3" fillId="0" borderId="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0" fontId="14" fillId="0" borderId="0" xfId="0" applyFont="1" applyAlignment="1">
      <alignment vertical="center"/>
    </xf>
    <xf numFmtId="38" fontId="14" fillId="0" borderId="0" xfId="0" applyNumberFormat="1" applyFont="1" applyAlignment="1">
      <alignment vertical="center"/>
    </xf>
    <xf numFmtId="3" fontId="7" fillId="2" borderId="1" xfId="1" applyNumberFormat="1" applyFont="1" applyFill="1" applyBorder="1" applyAlignment="1">
      <alignment horizontal="center" vertical="center"/>
    </xf>
    <xf numFmtId="3" fontId="7" fillId="2" borderId="1" xfId="1" applyNumberFormat="1" applyFont="1" applyFill="1" applyBorder="1" applyAlignment="1">
      <alignment vertical="center"/>
    </xf>
    <xf numFmtId="3" fontId="7" fillId="3" borderId="1" xfId="1" applyNumberFormat="1" applyFont="1" applyFill="1" applyBorder="1" applyAlignment="1">
      <alignment horizontal="center" vertical="center"/>
    </xf>
    <xf numFmtId="3" fontId="7" fillId="3" borderId="1" xfId="1" applyNumberFormat="1" applyFont="1" applyFill="1" applyBorder="1" applyAlignment="1">
      <alignment vertical="center"/>
    </xf>
    <xf numFmtId="3" fontId="7" fillId="4" borderId="1" xfId="1" applyNumberFormat="1" applyFont="1" applyFill="1" applyBorder="1" applyAlignment="1">
      <alignment horizontal="center" vertical="center"/>
    </xf>
    <xf numFmtId="3" fontId="7" fillId="4" borderId="1" xfId="1" applyNumberFormat="1" applyFont="1" applyFill="1" applyBorder="1" applyAlignment="1">
      <alignment vertical="center"/>
    </xf>
    <xf numFmtId="3" fontId="7" fillId="0" borderId="1" xfId="1" applyNumberFormat="1" applyFont="1" applyBorder="1" applyAlignment="1">
      <alignment horizontal="center" vertical="center"/>
    </xf>
    <xf numFmtId="3" fontId="7" fillId="0" borderId="1" xfId="1" applyNumberFormat="1" applyFont="1" applyBorder="1" applyAlignment="1">
      <alignment vertical="center"/>
    </xf>
    <xf numFmtId="177" fontId="7" fillId="2" borderId="1" xfId="0" applyNumberFormat="1" applyFont="1" applyFill="1" applyBorder="1" applyAlignment="1">
      <alignment horizontal="center" vertical="center"/>
    </xf>
    <xf numFmtId="177" fontId="7" fillId="2" borderId="1" xfId="0" applyNumberFormat="1" applyFont="1" applyFill="1" applyBorder="1" applyAlignment="1">
      <alignment vertical="center"/>
    </xf>
    <xf numFmtId="177" fontId="7" fillId="3" borderId="1" xfId="0" applyNumberFormat="1" applyFont="1" applyFill="1" applyBorder="1" applyAlignment="1">
      <alignment horizontal="center" vertical="center"/>
    </xf>
    <xf numFmtId="177" fontId="7" fillId="3" borderId="1" xfId="0" applyNumberFormat="1" applyFont="1" applyFill="1" applyBorder="1" applyAlignment="1">
      <alignment vertical="center"/>
    </xf>
    <xf numFmtId="177" fontId="7" fillId="4" borderId="1" xfId="0" applyNumberFormat="1" applyFont="1" applyFill="1" applyBorder="1" applyAlignment="1">
      <alignment horizontal="center" vertical="center"/>
    </xf>
    <xf numFmtId="177" fontId="7" fillId="4" borderId="1" xfId="0" applyNumberFormat="1" applyFont="1" applyFill="1" applyBorder="1" applyAlignment="1">
      <alignment vertical="center"/>
    </xf>
    <xf numFmtId="0" fontId="15" fillId="0" borderId="0" xfId="0" applyFont="1" applyAlignment="1">
      <alignment vertical="center"/>
    </xf>
    <xf numFmtId="0" fontId="7" fillId="2" borderId="1" xfId="0" applyFont="1" applyFill="1" applyBorder="1" applyAlignment="1">
      <alignment horizontal="right" vertical="center"/>
    </xf>
    <xf numFmtId="0" fontId="15" fillId="0" borderId="2" xfId="0" applyFont="1" applyBorder="1" applyAlignment="1">
      <alignment vertical="center"/>
    </xf>
    <xf numFmtId="0" fontId="5" fillId="0" borderId="2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3067179041844547E-2"/>
          <c:y val="3.7484885126964934E-2"/>
          <c:w val="0.8881798374474148"/>
          <c:h val="0.90084643288996369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１０１下タ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46</c:v>
                </c:pt>
                <c:pt idx="6">
                  <c:v>211</c:v>
                </c:pt>
                <c:pt idx="7">
                  <c:v>182</c:v>
                </c:pt>
                <c:pt idx="8">
                  <c:v>173</c:v>
                </c:pt>
                <c:pt idx="9">
                  <c:v>164</c:v>
                </c:pt>
                <c:pt idx="10">
                  <c:v>159</c:v>
                </c:pt>
                <c:pt idx="11">
                  <c:v>154</c:v>
                </c:pt>
                <c:pt idx="12">
                  <c:v>149</c:v>
                </c:pt>
                <c:pt idx="13">
                  <c:v>146</c:v>
                </c:pt>
                <c:pt idx="14">
                  <c:v>141</c:v>
                </c:pt>
                <c:pt idx="15">
                  <c:v>1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2AB-4616-B4AE-793106CB1D43}"/>
            </c:ext>
          </c:extLst>
        </c:ser>
        <c:ser>
          <c:idx val="3"/>
          <c:order val="2"/>
          <c:tx>
            <c:strRef>
              <c:f>'０１０１下タ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69</c:v>
                </c:pt>
                <c:pt idx="6">
                  <c:v>232</c:v>
                </c:pt>
                <c:pt idx="7">
                  <c:v>203</c:v>
                </c:pt>
                <c:pt idx="8">
                  <c:v>194</c:v>
                </c:pt>
                <c:pt idx="9">
                  <c:v>188</c:v>
                </c:pt>
                <c:pt idx="10">
                  <c:v>177</c:v>
                </c:pt>
                <c:pt idx="11">
                  <c:v>175</c:v>
                </c:pt>
                <c:pt idx="12">
                  <c:v>167</c:v>
                </c:pt>
                <c:pt idx="13">
                  <c:v>163</c:v>
                </c:pt>
                <c:pt idx="14">
                  <c:v>158</c:v>
                </c:pt>
                <c:pt idx="15">
                  <c:v>14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2AB-4616-B4AE-793106CB1D43}"/>
            </c:ext>
          </c:extLst>
        </c:ser>
        <c:ser>
          <c:idx val="1"/>
          <c:order val="3"/>
          <c:tx>
            <c:strRef>
              <c:f>'０１０１下タ'!$A$4</c:f>
              <c:strCache>
                <c:ptCount val="1"/>
                <c:pt idx="0">
                  <c:v>年齢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2AB-4616-B4AE-793106CB1D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88816"/>
        <c:axId val="487381760"/>
      </c:barChart>
      <c:lineChart>
        <c:grouping val="standard"/>
        <c:varyColors val="0"/>
        <c:ser>
          <c:idx val="0"/>
          <c:order val="0"/>
          <c:tx>
            <c:strRef>
              <c:f>'０１０１下タ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 cap="sq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E2AB-4616-B4AE-793106CB1D43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E2AB-4616-B4AE-793106CB1D43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E2AB-4616-B4AE-793106CB1D43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E2AB-4616-B4AE-793106CB1D43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E2AB-4616-B4AE-793106CB1D43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E2AB-4616-B4AE-793106CB1D43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E2AB-4616-B4AE-793106CB1D43}"/>
              </c:ext>
            </c:extLst>
          </c:dPt>
          <c:dPt>
            <c:idx val="7"/>
            <c:marker>
              <c:spPr>
                <a:solidFill>
                  <a:srgbClr val="000000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 cap="rnd">
                <a:solidFill>
                  <a:schemeClr val="tx1"/>
                </a:solidFill>
                <a:headEnd type="diamond"/>
              </a:ln>
            </c:spPr>
            <c:extLst>
              <c:ext xmlns:c16="http://schemas.microsoft.com/office/drawing/2014/chart" uri="{C3380CC4-5D6E-409C-BE32-E72D297353CC}">
                <c16:uniqueId val="{00000011-E2AB-4616-B4AE-793106CB1D43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E2AB-4616-B4AE-793106CB1D43}"/>
              </c:ext>
            </c:extLst>
          </c:dPt>
          <c:dPt>
            <c:idx val="9"/>
            <c:bubble3D val="0"/>
            <c:extLst>
              <c:ext xmlns:c16="http://schemas.microsoft.com/office/drawing/2014/chart" uri="{C3380CC4-5D6E-409C-BE32-E72D297353CC}">
                <c16:uniqueId val="{00000014-E2AB-4616-B4AE-793106CB1D43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6-E2AB-4616-B4AE-793106CB1D43}"/>
              </c:ext>
            </c:extLst>
          </c:dPt>
          <c:cat>
            <c:strRef>
              <c:f>'０１０１下タ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15</c:v>
                </c:pt>
                <c:pt idx="6">
                  <c:v>443</c:v>
                </c:pt>
                <c:pt idx="7">
                  <c:v>385</c:v>
                </c:pt>
                <c:pt idx="8">
                  <c:v>367</c:v>
                </c:pt>
                <c:pt idx="9">
                  <c:v>352</c:v>
                </c:pt>
                <c:pt idx="10">
                  <c:v>336</c:v>
                </c:pt>
                <c:pt idx="11">
                  <c:v>329</c:v>
                </c:pt>
                <c:pt idx="12">
                  <c:v>316</c:v>
                </c:pt>
                <c:pt idx="13">
                  <c:v>309</c:v>
                </c:pt>
                <c:pt idx="14">
                  <c:v>299</c:v>
                </c:pt>
                <c:pt idx="15">
                  <c:v>2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7-E2AB-4616-B4AE-793106CB1D4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88816"/>
        <c:axId val="487381760"/>
      </c:lineChart>
      <c:catAx>
        <c:axId val="4873888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73817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176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5974440894568689E-2"/>
              <c:y val="6.0459492140266021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738881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7440889446614709"/>
          <c:y val="0.36998718706342915"/>
          <c:w val="0.13984880307136405"/>
          <c:h val="9.1898428053204362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1" l="0.75" r="0.75" t="1" header="0.5" footer="0.5"/>
    <c:pageSetup paperSize="9" orientation="landscape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553398058252427E-2"/>
          <c:w val="0.90319195852308354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０５大久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５大久保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096</c:v>
                </c:pt>
                <c:pt idx="6">
                  <c:v>1099</c:v>
                </c:pt>
                <c:pt idx="7">
                  <c:v>1078</c:v>
                </c:pt>
                <c:pt idx="8">
                  <c:v>1046</c:v>
                </c:pt>
                <c:pt idx="9">
                  <c:v>1041</c:v>
                </c:pt>
                <c:pt idx="10">
                  <c:v>1041</c:v>
                </c:pt>
                <c:pt idx="11">
                  <c:v>1067</c:v>
                </c:pt>
                <c:pt idx="12">
                  <c:v>1114</c:v>
                </c:pt>
                <c:pt idx="13">
                  <c:v>1143</c:v>
                </c:pt>
                <c:pt idx="14">
                  <c:v>1148</c:v>
                </c:pt>
                <c:pt idx="15">
                  <c:v>11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E9A-451A-975D-3DFA6C9A5C58}"/>
            </c:ext>
          </c:extLst>
        </c:ser>
        <c:ser>
          <c:idx val="0"/>
          <c:order val="1"/>
          <c:tx>
            <c:strRef>
              <c:f>'０１０５大久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５大久保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343</c:v>
                </c:pt>
                <c:pt idx="6">
                  <c:v>4318</c:v>
                </c:pt>
                <c:pt idx="7">
                  <c:v>4286</c:v>
                </c:pt>
                <c:pt idx="8">
                  <c:v>4297</c:v>
                </c:pt>
                <c:pt idx="9">
                  <c:v>4375</c:v>
                </c:pt>
                <c:pt idx="10">
                  <c:v>4474</c:v>
                </c:pt>
                <c:pt idx="11">
                  <c:v>4501</c:v>
                </c:pt>
                <c:pt idx="12">
                  <c:v>4558</c:v>
                </c:pt>
                <c:pt idx="13">
                  <c:v>4619</c:v>
                </c:pt>
                <c:pt idx="14">
                  <c:v>4622</c:v>
                </c:pt>
                <c:pt idx="15">
                  <c:v>47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E9A-451A-975D-3DFA6C9A5C58}"/>
            </c:ext>
          </c:extLst>
        </c:ser>
        <c:ser>
          <c:idx val="2"/>
          <c:order val="2"/>
          <c:tx>
            <c:strRef>
              <c:f>'０１０５大久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５大久保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74</c:v>
                </c:pt>
                <c:pt idx="6">
                  <c:v>1516</c:v>
                </c:pt>
                <c:pt idx="7">
                  <c:v>1778</c:v>
                </c:pt>
                <c:pt idx="8">
                  <c:v>1801</c:v>
                </c:pt>
                <c:pt idx="9">
                  <c:v>1843</c:v>
                </c:pt>
                <c:pt idx="10">
                  <c:v>1847</c:v>
                </c:pt>
                <c:pt idx="11">
                  <c:v>1895</c:v>
                </c:pt>
                <c:pt idx="12">
                  <c:v>1928</c:v>
                </c:pt>
                <c:pt idx="13">
                  <c:v>1949</c:v>
                </c:pt>
                <c:pt idx="14">
                  <c:v>1950</c:v>
                </c:pt>
                <c:pt idx="15">
                  <c:v>19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E9A-451A-975D-3DFA6C9A5C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80584"/>
        <c:axId val="487391560"/>
      </c:barChart>
      <c:catAx>
        <c:axId val="4873805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15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9156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058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2379942417175836"/>
          <c:y val="3.0303066173137043E-2"/>
          <c:w val="0.83991505882046402"/>
          <c:h val="0.91151623048796226"/>
        </c:manualLayout>
      </c:layout>
      <c:barChart>
        <c:barDir val="col"/>
        <c:grouping val="clustered"/>
        <c:varyColors val="0"/>
        <c:ser>
          <c:idx val="2"/>
          <c:order val="1"/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沢野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194</c:v>
                </c:pt>
                <c:pt idx="6">
                  <c:v>11203</c:v>
                </c:pt>
                <c:pt idx="7">
                  <c:v>10911</c:v>
                </c:pt>
                <c:pt idx="8">
                  <c:v>10817</c:v>
                </c:pt>
                <c:pt idx="9">
                  <c:v>10803</c:v>
                </c:pt>
                <c:pt idx="10">
                  <c:v>10743</c:v>
                </c:pt>
                <c:pt idx="11">
                  <c:v>10661</c:v>
                </c:pt>
                <c:pt idx="12">
                  <c:v>10618</c:v>
                </c:pt>
                <c:pt idx="13">
                  <c:v>10551</c:v>
                </c:pt>
                <c:pt idx="14">
                  <c:v>10464</c:v>
                </c:pt>
                <c:pt idx="15">
                  <c:v>104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8C2-4AA3-A98D-08C6BDA088DC}"/>
            </c:ext>
          </c:extLst>
        </c:ser>
        <c:ser>
          <c:idx val="3"/>
          <c:order val="2"/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沢野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666</c:v>
                </c:pt>
                <c:pt idx="6">
                  <c:v>11565</c:v>
                </c:pt>
                <c:pt idx="7">
                  <c:v>11430</c:v>
                </c:pt>
                <c:pt idx="8">
                  <c:v>11318</c:v>
                </c:pt>
                <c:pt idx="9">
                  <c:v>11218</c:v>
                </c:pt>
                <c:pt idx="10">
                  <c:v>11170</c:v>
                </c:pt>
                <c:pt idx="11">
                  <c:v>11133</c:v>
                </c:pt>
                <c:pt idx="12">
                  <c:v>11035</c:v>
                </c:pt>
                <c:pt idx="13">
                  <c:v>10978</c:v>
                </c:pt>
                <c:pt idx="14">
                  <c:v>10889</c:v>
                </c:pt>
                <c:pt idx="15">
                  <c:v>108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8C2-4AA3-A98D-08C6BDA088DC}"/>
            </c:ext>
          </c:extLst>
        </c:ser>
        <c:ser>
          <c:idx val="1"/>
          <c:order val="3"/>
          <c:tx>
            <c:strRef>
              <c:f>大沢野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沢野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8C2-4AA3-A98D-08C6BDA088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93912"/>
        <c:axId val="487391952"/>
      </c:barChart>
      <c:lineChart>
        <c:grouping val="standard"/>
        <c:varyColors val="0"/>
        <c:ser>
          <c:idx val="0"/>
          <c:order val="0"/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58C2-4AA3-A98D-08C6BDA088DC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58C2-4AA3-A98D-08C6BDA088DC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58C2-4AA3-A98D-08C6BDA088DC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58C2-4AA3-A98D-08C6BDA088DC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58C2-4AA3-A98D-08C6BDA088DC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58C2-4AA3-A98D-08C6BDA088DC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58C2-4AA3-A98D-08C6BDA088DC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58C2-4AA3-A98D-08C6BDA088DC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58C2-4AA3-A98D-08C6BDA088DC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58C2-4AA3-A98D-08C6BDA088DC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58C2-4AA3-A98D-08C6BDA088DC}"/>
              </c:ext>
            </c:extLst>
          </c:dPt>
          <c:cat>
            <c:strRef>
              <c:f>大沢野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沢野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2860</c:v>
                </c:pt>
                <c:pt idx="6">
                  <c:v>22768</c:v>
                </c:pt>
                <c:pt idx="7">
                  <c:v>22341</c:v>
                </c:pt>
                <c:pt idx="8">
                  <c:v>22135</c:v>
                </c:pt>
                <c:pt idx="9">
                  <c:v>22021</c:v>
                </c:pt>
                <c:pt idx="10">
                  <c:v>21913</c:v>
                </c:pt>
                <c:pt idx="11">
                  <c:v>21794</c:v>
                </c:pt>
                <c:pt idx="12">
                  <c:v>21653</c:v>
                </c:pt>
                <c:pt idx="13">
                  <c:v>21529</c:v>
                </c:pt>
                <c:pt idx="14">
                  <c:v>21353</c:v>
                </c:pt>
                <c:pt idx="15">
                  <c:v>212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58C2-4AA3-A98D-08C6BDA088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93912"/>
        <c:axId val="487391952"/>
      </c:lineChart>
      <c:catAx>
        <c:axId val="4873939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195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9195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5613660618996798E-2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391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2294579506270356"/>
          <c:y val="0.27030341207349079"/>
          <c:w val="0.1386396793134598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914936167582372E-2"/>
          <c:y val="3.1553398058252427E-2"/>
          <c:w val="0.90319195852308354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大沢野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沢野地域計!$B$31:$Q$31</c:f>
              <c:numCache>
                <c:formatCode>#,##0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240</c:v>
                </c:pt>
                <c:pt idx="6">
                  <c:v>3024</c:v>
                </c:pt>
                <c:pt idx="7">
                  <c:v>2718</c:v>
                </c:pt>
                <c:pt idx="8">
                  <c:v>2619</c:v>
                </c:pt>
                <c:pt idx="9">
                  <c:v>2513</c:v>
                </c:pt>
                <c:pt idx="10">
                  <c:v>2442</c:v>
                </c:pt>
                <c:pt idx="11">
                  <c:v>2415</c:v>
                </c:pt>
                <c:pt idx="12">
                  <c:v>2378</c:v>
                </c:pt>
                <c:pt idx="13">
                  <c:v>2344</c:v>
                </c:pt>
                <c:pt idx="14">
                  <c:v>2338</c:v>
                </c:pt>
                <c:pt idx="15">
                  <c:v>23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CAD-4127-B727-D7CEF5C58C04}"/>
            </c:ext>
          </c:extLst>
        </c:ser>
        <c:ser>
          <c:idx val="0"/>
          <c:order val="1"/>
          <c:tx>
            <c:strRef>
              <c:f>大沢野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沢野地域計!$B$32:$Q$32</c:f>
              <c:numCache>
                <c:formatCode>#,##0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4628</c:v>
                </c:pt>
                <c:pt idx="6">
                  <c:v>14061</c:v>
                </c:pt>
                <c:pt idx="7">
                  <c:v>13222</c:v>
                </c:pt>
                <c:pt idx="8">
                  <c:v>13019</c:v>
                </c:pt>
                <c:pt idx="9">
                  <c:v>12963</c:v>
                </c:pt>
                <c:pt idx="10">
                  <c:v>12853</c:v>
                </c:pt>
                <c:pt idx="11">
                  <c:v>12685</c:v>
                </c:pt>
                <c:pt idx="12">
                  <c:v>12513</c:v>
                </c:pt>
                <c:pt idx="13">
                  <c:v>12412</c:v>
                </c:pt>
                <c:pt idx="14">
                  <c:v>12232</c:v>
                </c:pt>
                <c:pt idx="15">
                  <c:v>121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CAD-4127-B727-D7CEF5C58C04}"/>
            </c:ext>
          </c:extLst>
        </c:ser>
        <c:ser>
          <c:idx val="2"/>
          <c:order val="2"/>
          <c:tx>
            <c:strRef>
              <c:f>大沢野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沢野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沢野地域計!$B$33:$Q$33</c:f>
              <c:numCache>
                <c:formatCode>#,##0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992</c:v>
                </c:pt>
                <c:pt idx="6">
                  <c:v>5683</c:v>
                </c:pt>
                <c:pt idx="7">
                  <c:v>6401</c:v>
                </c:pt>
                <c:pt idx="8">
                  <c:v>6497</c:v>
                </c:pt>
                <c:pt idx="9">
                  <c:v>6545</c:v>
                </c:pt>
                <c:pt idx="10">
                  <c:v>6618</c:v>
                </c:pt>
                <c:pt idx="11">
                  <c:v>6694</c:v>
                </c:pt>
                <c:pt idx="12">
                  <c:v>6762</c:v>
                </c:pt>
                <c:pt idx="13">
                  <c:v>6773</c:v>
                </c:pt>
                <c:pt idx="14">
                  <c:v>6783</c:v>
                </c:pt>
                <c:pt idx="15">
                  <c:v>677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CAD-4127-B727-D7CEF5C58C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93128"/>
        <c:axId val="487393520"/>
      </c:barChart>
      <c:catAx>
        <c:axId val="4873931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35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9352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3128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654337084073991E-2"/>
          <c:y val="3.1591756288775516E-2"/>
          <c:w val="0.90349993760559799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０１下タ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9</c:v>
                </c:pt>
                <c:pt idx="6">
                  <c:v>39</c:v>
                </c:pt>
                <c:pt idx="7">
                  <c:v>32</c:v>
                </c:pt>
                <c:pt idx="8">
                  <c:v>27</c:v>
                </c:pt>
                <c:pt idx="9">
                  <c:v>28</c:v>
                </c:pt>
                <c:pt idx="10">
                  <c:v>23</c:v>
                </c:pt>
                <c:pt idx="11">
                  <c:v>21</c:v>
                </c:pt>
                <c:pt idx="12">
                  <c:v>20</c:v>
                </c:pt>
                <c:pt idx="13">
                  <c:v>19</c:v>
                </c:pt>
                <c:pt idx="14">
                  <c:v>21</c:v>
                </c:pt>
                <c:pt idx="15">
                  <c:v>2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80A-4FAE-94DF-B7AE713B55A3}"/>
            </c:ext>
          </c:extLst>
        </c:ser>
        <c:ser>
          <c:idx val="0"/>
          <c:order val="1"/>
          <c:tx>
            <c:strRef>
              <c:f>'０１０１下タ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65</c:v>
                </c:pt>
                <c:pt idx="6">
                  <c:v>218</c:v>
                </c:pt>
                <c:pt idx="7">
                  <c:v>171</c:v>
                </c:pt>
                <c:pt idx="8">
                  <c:v>164</c:v>
                </c:pt>
                <c:pt idx="9">
                  <c:v>152</c:v>
                </c:pt>
                <c:pt idx="10">
                  <c:v>144</c:v>
                </c:pt>
                <c:pt idx="11">
                  <c:v>139</c:v>
                </c:pt>
                <c:pt idx="12">
                  <c:v>125</c:v>
                </c:pt>
                <c:pt idx="13">
                  <c:v>120</c:v>
                </c:pt>
                <c:pt idx="14">
                  <c:v>118</c:v>
                </c:pt>
                <c:pt idx="15">
                  <c:v>11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80A-4FAE-94DF-B7AE713B55A3}"/>
            </c:ext>
          </c:extLst>
        </c:ser>
        <c:ser>
          <c:idx val="2"/>
          <c:order val="2"/>
          <c:tx>
            <c:strRef>
              <c:f>'０１０１下タ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１下タ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１下タ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01</c:v>
                </c:pt>
                <c:pt idx="6">
                  <c:v>186</c:v>
                </c:pt>
                <c:pt idx="7">
                  <c:v>182</c:v>
                </c:pt>
                <c:pt idx="8">
                  <c:v>176</c:v>
                </c:pt>
                <c:pt idx="9">
                  <c:v>172</c:v>
                </c:pt>
                <c:pt idx="10">
                  <c:v>169</c:v>
                </c:pt>
                <c:pt idx="11">
                  <c:v>169</c:v>
                </c:pt>
                <c:pt idx="12">
                  <c:v>171</c:v>
                </c:pt>
                <c:pt idx="13">
                  <c:v>170</c:v>
                </c:pt>
                <c:pt idx="14">
                  <c:v>160</c:v>
                </c:pt>
                <c:pt idx="15">
                  <c:v>1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E80A-4FAE-94DF-B7AE713B55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86072"/>
        <c:axId val="487389208"/>
      </c:barChart>
      <c:catAx>
        <c:axId val="4873860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920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920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6072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7.5962577618212651E-2"/>
          <c:y val="3.0376688739207229E-2"/>
          <c:w val="0.88345518353236352"/>
          <c:h val="0.9100855946266485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１０２小羽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２小羽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0</c:v>
                </c:pt>
                <c:pt idx="6">
                  <c:v>160</c:v>
                </c:pt>
                <c:pt idx="7">
                  <c:v>141</c:v>
                </c:pt>
                <c:pt idx="8">
                  <c:v>138</c:v>
                </c:pt>
                <c:pt idx="9">
                  <c:v>139</c:v>
                </c:pt>
                <c:pt idx="10">
                  <c:v>134</c:v>
                </c:pt>
                <c:pt idx="11">
                  <c:v>132</c:v>
                </c:pt>
                <c:pt idx="12">
                  <c:v>128</c:v>
                </c:pt>
                <c:pt idx="13">
                  <c:v>129</c:v>
                </c:pt>
                <c:pt idx="14">
                  <c:v>124</c:v>
                </c:pt>
                <c:pt idx="15">
                  <c:v>1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30E-4B8F-A5FA-917E4D63F4AF}"/>
            </c:ext>
          </c:extLst>
        </c:ser>
        <c:ser>
          <c:idx val="3"/>
          <c:order val="2"/>
          <c:tx>
            <c:strRef>
              <c:f>'０１０２小羽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２小羽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5</c:v>
                </c:pt>
                <c:pt idx="6">
                  <c:v>162</c:v>
                </c:pt>
                <c:pt idx="7">
                  <c:v>141</c:v>
                </c:pt>
                <c:pt idx="8">
                  <c:v>142</c:v>
                </c:pt>
                <c:pt idx="9">
                  <c:v>140</c:v>
                </c:pt>
                <c:pt idx="10">
                  <c:v>138</c:v>
                </c:pt>
                <c:pt idx="11">
                  <c:v>136</c:v>
                </c:pt>
                <c:pt idx="12">
                  <c:v>136</c:v>
                </c:pt>
                <c:pt idx="13">
                  <c:v>133</c:v>
                </c:pt>
                <c:pt idx="14">
                  <c:v>124</c:v>
                </c:pt>
                <c:pt idx="15">
                  <c:v>1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030E-4B8F-A5FA-917E4D63F4AF}"/>
            </c:ext>
          </c:extLst>
        </c:ser>
        <c:ser>
          <c:idx val="1"/>
          <c:order val="3"/>
          <c:tx>
            <c:strRef>
              <c:f>'０１０２小羽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２小羽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30E-4B8F-A5FA-917E4D63F4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84504"/>
        <c:axId val="487382936"/>
      </c:barChart>
      <c:lineChart>
        <c:grouping val="standard"/>
        <c:varyColors val="0"/>
        <c:ser>
          <c:idx val="0"/>
          <c:order val="0"/>
          <c:tx>
            <c:strRef>
              <c:f>'０１０２小羽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030E-4B8F-A5FA-917E4D63F4AF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030E-4B8F-A5FA-917E4D63F4AF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030E-4B8F-A5FA-917E4D63F4AF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030E-4B8F-A5FA-917E4D63F4AF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030E-4B8F-A5FA-917E4D63F4AF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030E-4B8F-A5FA-917E4D63F4AF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030E-4B8F-A5FA-917E4D63F4AF}"/>
              </c:ext>
            </c:extLst>
          </c:dPt>
          <c:dPt>
            <c:idx val="7"/>
            <c:marker>
              <c:spPr>
                <a:solidFill>
                  <a:srgbClr val="000000"/>
                </a:solidFill>
                <a:ln>
                  <a:solidFill>
                    <a:srgbClr val="00000C"/>
                  </a:solidFill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030E-4B8F-A5FA-917E4D63F4AF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030E-4B8F-A5FA-917E4D63F4AF}"/>
              </c:ext>
            </c:extLst>
          </c:dPt>
          <c:dPt>
            <c:idx val="9"/>
            <c:bubble3D val="0"/>
            <c:extLst>
              <c:ext xmlns:c16="http://schemas.microsoft.com/office/drawing/2014/chart" uri="{C3380CC4-5D6E-409C-BE32-E72D297353CC}">
                <c16:uniqueId val="{00000014-030E-4B8F-A5FA-917E4D63F4AF}"/>
              </c:ext>
            </c:extLst>
          </c:dPt>
          <c:dPt>
            <c:idx val="10"/>
            <c:bubble3D val="0"/>
            <c:extLst>
              <c:ext xmlns:c16="http://schemas.microsoft.com/office/drawing/2014/chart" uri="{C3380CC4-5D6E-409C-BE32-E72D297353CC}">
                <c16:uniqueId val="{00000015-030E-4B8F-A5FA-917E4D63F4AF}"/>
              </c:ext>
            </c:extLst>
          </c:dPt>
          <c:cat>
            <c:strRef>
              <c:f>'０１０２小羽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２小羽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65</c:v>
                </c:pt>
                <c:pt idx="6">
                  <c:v>322</c:v>
                </c:pt>
                <c:pt idx="7">
                  <c:v>282</c:v>
                </c:pt>
                <c:pt idx="8">
                  <c:v>280</c:v>
                </c:pt>
                <c:pt idx="9">
                  <c:v>279</c:v>
                </c:pt>
                <c:pt idx="10">
                  <c:v>272</c:v>
                </c:pt>
                <c:pt idx="11">
                  <c:v>268</c:v>
                </c:pt>
                <c:pt idx="12">
                  <c:v>264</c:v>
                </c:pt>
                <c:pt idx="13">
                  <c:v>262</c:v>
                </c:pt>
                <c:pt idx="14">
                  <c:v>248</c:v>
                </c:pt>
                <c:pt idx="15">
                  <c:v>24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6-030E-4B8F-A5FA-917E4D63F4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84504"/>
        <c:axId val="487382936"/>
      </c:lineChart>
      <c:catAx>
        <c:axId val="4873845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293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293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8.3246618106139446E-3"/>
              <c:y val="6.075334143377885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450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1821041620577868"/>
          <c:y val="0.37424083836422023"/>
          <c:w val="0.13600101626016259"/>
          <c:h val="9.234507897934385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0375823847607247E-2"/>
          <c:y val="3.1591756288775516E-2"/>
          <c:w val="0.90501089968669457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０２小羽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２小羽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2</c:v>
                </c:pt>
                <c:pt idx="6">
                  <c:v>25</c:v>
                </c:pt>
                <c:pt idx="7">
                  <c:v>24</c:v>
                </c:pt>
                <c:pt idx="8">
                  <c:v>24</c:v>
                </c:pt>
                <c:pt idx="9">
                  <c:v>25</c:v>
                </c:pt>
                <c:pt idx="10">
                  <c:v>26</c:v>
                </c:pt>
                <c:pt idx="11">
                  <c:v>30</c:v>
                </c:pt>
                <c:pt idx="12">
                  <c:v>29</c:v>
                </c:pt>
                <c:pt idx="13">
                  <c:v>30</c:v>
                </c:pt>
                <c:pt idx="14">
                  <c:v>23</c:v>
                </c:pt>
                <c:pt idx="15">
                  <c:v>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682-426A-8330-8346571EFFA9}"/>
            </c:ext>
          </c:extLst>
        </c:ser>
        <c:ser>
          <c:idx val="0"/>
          <c:order val="1"/>
          <c:tx>
            <c:strRef>
              <c:f>'０１０２小羽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２小羽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04</c:v>
                </c:pt>
                <c:pt idx="6">
                  <c:v>174</c:v>
                </c:pt>
                <c:pt idx="7">
                  <c:v>139</c:v>
                </c:pt>
                <c:pt idx="8">
                  <c:v>136</c:v>
                </c:pt>
                <c:pt idx="9">
                  <c:v>138</c:v>
                </c:pt>
                <c:pt idx="10">
                  <c:v>133</c:v>
                </c:pt>
                <c:pt idx="11">
                  <c:v>130</c:v>
                </c:pt>
                <c:pt idx="12">
                  <c:v>126</c:v>
                </c:pt>
                <c:pt idx="13">
                  <c:v>125</c:v>
                </c:pt>
                <c:pt idx="14">
                  <c:v>119</c:v>
                </c:pt>
                <c:pt idx="15">
                  <c:v>12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682-426A-8330-8346571EFFA9}"/>
            </c:ext>
          </c:extLst>
        </c:ser>
        <c:ser>
          <c:idx val="2"/>
          <c:order val="2"/>
          <c:tx>
            <c:strRef>
              <c:f>'０１０２小羽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２小羽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２小羽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9</c:v>
                </c:pt>
                <c:pt idx="6">
                  <c:v>123</c:v>
                </c:pt>
                <c:pt idx="7">
                  <c:v>119</c:v>
                </c:pt>
                <c:pt idx="8">
                  <c:v>120</c:v>
                </c:pt>
                <c:pt idx="9">
                  <c:v>116</c:v>
                </c:pt>
                <c:pt idx="10">
                  <c:v>113</c:v>
                </c:pt>
                <c:pt idx="11">
                  <c:v>108</c:v>
                </c:pt>
                <c:pt idx="12">
                  <c:v>109</c:v>
                </c:pt>
                <c:pt idx="13">
                  <c:v>107</c:v>
                </c:pt>
                <c:pt idx="14">
                  <c:v>106</c:v>
                </c:pt>
                <c:pt idx="15">
                  <c:v>10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682-426A-8330-8346571EFFA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89600"/>
        <c:axId val="487379800"/>
      </c:barChart>
      <c:catAx>
        <c:axId val="4873896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798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7980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960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382984636274433"/>
          <c:y val="3.5194174757281552E-2"/>
          <c:w val="0.84574512017179193"/>
          <c:h val="0.90291262135922334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１０３船峅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３船峅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36</c:v>
                </c:pt>
                <c:pt idx="6">
                  <c:v>1241</c:v>
                </c:pt>
                <c:pt idx="7">
                  <c:v>1173</c:v>
                </c:pt>
                <c:pt idx="8">
                  <c:v>1146</c:v>
                </c:pt>
                <c:pt idx="9">
                  <c:v>1118</c:v>
                </c:pt>
                <c:pt idx="10">
                  <c:v>1086</c:v>
                </c:pt>
                <c:pt idx="11">
                  <c:v>1062</c:v>
                </c:pt>
                <c:pt idx="12">
                  <c:v>1044</c:v>
                </c:pt>
                <c:pt idx="13">
                  <c:v>1021</c:v>
                </c:pt>
                <c:pt idx="14">
                  <c:v>998</c:v>
                </c:pt>
                <c:pt idx="15">
                  <c:v>9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AA9-419C-9ADC-B57911BAF977}"/>
            </c:ext>
          </c:extLst>
        </c:ser>
        <c:ser>
          <c:idx val="3"/>
          <c:order val="2"/>
          <c:tx>
            <c:strRef>
              <c:f>'０１０３船峅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３船峅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87</c:v>
                </c:pt>
                <c:pt idx="6">
                  <c:v>1156</c:v>
                </c:pt>
                <c:pt idx="7">
                  <c:v>1100</c:v>
                </c:pt>
                <c:pt idx="8">
                  <c:v>1071</c:v>
                </c:pt>
                <c:pt idx="9">
                  <c:v>1052</c:v>
                </c:pt>
                <c:pt idx="10">
                  <c:v>1035</c:v>
                </c:pt>
                <c:pt idx="11">
                  <c:v>1036</c:v>
                </c:pt>
                <c:pt idx="12">
                  <c:v>1016</c:v>
                </c:pt>
                <c:pt idx="13">
                  <c:v>1002</c:v>
                </c:pt>
                <c:pt idx="14">
                  <c:v>986</c:v>
                </c:pt>
                <c:pt idx="15">
                  <c:v>9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AA9-419C-9ADC-B57911BAF977}"/>
            </c:ext>
          </c:extLst>
        </c:ser>
        <c:ser>
          <c:idx val="1"/>
          <c:order val="3"/>
          <c:tx>
            <c:strRef>
              <c:f>'０１０３船峅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３船峅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AA9-419C-9ADC-B57911BAF9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84112"/>
        <c:axId val="487391168"/>
      </c:barChart>
      <c:lineChart>
        <c:grouping val="standard"/>
        <c:varyColors val="0"/>
        <c:ser>
          <c:idx val="0"/>
          <c:order val="0"/>
          <c:tx>
            <c:strRef>
              <c:f>'０１０３船峅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2AA9-419C-9ADC-B57911BAF977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2AA9-419C-9ADC-B57911BAF977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2AA9-419C-9ADC-B57911BAF977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2AA9-419C-9ADC-B57911BAF977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2AA9-419C-9ADC-B57911BAF977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2AA9-419C-9ADC-B57911BAF977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2AA9-419C-9ADC-B57911BAF977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2AA9-419C-9ADC-B57911BAF977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2AA9-419C-9ADC-B57911BAF977}"/>
              </c:ext>
            </c:extLst>
          </c:dPt>
          <c:dPt>
            <c:idx val="9"/>
            <c:bubble3D val="0"/>
            <c:extLst>
              <c:ext xmlns:c16="http://schemas.microsoft.com/office/drawing/2014/chart" uri="{C3380CC4-5D6E-409C-BE32-E72D297353CC}">
                <c16:uniqueId val="{00000014-2AA9-419C-9ADC-B57911BAF977}"/>
              </c:ext>
            </c:extLst>
          </c:dPt>
          <c:dPt>
            <c:idx val="10"/>
            <c:bubble3D val="0"/>
            <c:extLst>
              <c:ext xmlns:c16="http://schemas.microsoft.com/office/drawing/2014/chart" uri="{C3380CC4-5D6E-409C-BE32-E72D297353CC}">
                <c16:uniqueId val="{00000015-2AA9-419C-9ADC-B57911BAF977}"/>
              </c:ext>
            </c:extLst>
          </c:dPt>
          <c:cat>
            <c:strRef>
              <c:f>'０１０３船峅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３船峅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423</c:v>
                </c:pt>
                <c:pt idx="6">
                  <c:v>2397</c:v>
                </c:pt>
                <c:pt idx="7">
                  <c:v>2273</c:v>
                </c:pt>
                <c:pt idx="8">
                  <c:v>2217</c:v>
                </c:pt>
                <c:pt idx="9">
                  <c:v>2170</c:v>
                </c:pt>
                <c:pt idx="10">
                  <c:v>2121</c:v>
                </c:pt>
                <c:pt idx="11">
                  <c:v>2098</c:v>
                </c:pt>
                <c:pt idx="12">
                  <c:v>2060</c:v>
                </c:pt>
                <c:pt idx="13">
                  <c:v>2023</c:v>
                </c:pt>
                <c:pt idx="14">
                  <c:v>1984</c:v>
                </c:pt>
                <c:pt idx="15">
                  <c:v>19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6-2AA9-419C-9ADC-B57911BAF9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84112"/>
        <c:axId val="487391168"/>
      </c:lineChart>
      <c:catAx>
        <c:axId val="4873841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116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9116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6595744680851064E-2"/>
              <c:y val="7.2815533980582527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4112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49255341486569498"/>
          <c:y val="0.36529126213592233"/>
          <c:w val="0.13973644986449865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553398058252427E-2"/>
          <c:w val="0.90329436769394267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０３船峅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３船峅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12</c:v>
                </c:pt>
                <c:pt idx="6">
                  <c:v>186</c:v>
                </c:pt>
                <c:pt idx="7">
                  <c:v>171</c:v>
                </c:pt>
                <c:pt idx="8">
                  <c:v>157</c:v>
                </c:pt>
                <c:pt idx="9">
                  <c:v>143</c:v>
                </c:pt>
                <c:pt idx="10">
                  <c:v>136</c:v>
                </c:pt>
                <c:pt idx="11">
                  <c:v>136</c:v>
                </c:pt>
                <c:pt idx="12">
                  <c:v>135</c:v>
                </c:pt>
                <c:pt idx="13">
                  <c:v>127</c:v>
                </c:pt>
                <c:pt idx="14">
                  <c:v>125</c:v>
                </c:pt>
                <c:pt idx="15">
                  <c:v>12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D34-41C5-89C5-442748377219}"/>
            </c:ext>
          </c:extLst>
        </c:ser>
        <c:ser>
          <c:idx val="0"/>
          <c:order val="1"/>
          <c:tx>
            <c:strRef>
              <c:f>'０１０３船峅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３船峅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62</c:v>
                </c:pt>
                <c:pt idx="6">
                  <c:v>1522</c:v>
                </c:pt>
                <c:pt idx="7">
                  <c:v>1346</c:v>
                </c:pt>
                <c:pt idx="8">
                  <c:v>1292</c:v>
                </c:pt>
                <c:pt idx="9">
                  <c:v>1257</c:v>
                </c:pt>
                <c:pt idx="10">
                  <c:v>1202</c:v>
                </c:pt>
                <c:pt idx="11">
                  <c:v>1145</c:v>
                </c:pt>
                <c:pt idx="12">
                  <c:v>1104</c:v>
                </c:pt>
                <c:pt idx="13">
                  <c:v>1077</c:v>
                </c:pt>
                <c:pt idx="14">
                  <c:v>1024</c:v>
                </c:pt>
                <c:pt idx="15">
                  <c:v>1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D34-41C5-89C5-442748377219}"/>
            </c:ext>
          </c:extLst>
        </c:ser>
        <c:ser>
          <c:idx val="2"/>
          <c:order val="2"/>
          <c:tx>
            <c:strRef>
              <c:f>'０１０３船峅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３船峅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３船峅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49</c:v>
                </c:pt>
                <c:pt idx="6">
                  <c:v>689</c:v>
                </c:pt>
                <c:pt idx="7">
                  <c:v>756</c:v>
                </c:pt>
                <c:pt idx="8">
                  <c:v>768</c:v>
                </c:pt>
                <c:pt idx="9">
                  <c:v>770</c:v>
                </c:pt>
                <c:pt idx="10">
                  <c:v>783</c:v>
                </c:pt>
                <c:pt idx="11">
                  <c:v>817</c:v>
                </c:pt>
                <c:pt idx="12">
                  <c:v>821</c:v>
                </c:pt>
                <c:pt idx="13">
                  <c:v>819</c:v>
                </c:pt>
                <c:pt idx="14">
                  <c:v>835</c:v>
                </c:pt>
                <c:pt idx="15">
                  <c:v>8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D34-41C5-89C5-44274837721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85288"/>
        <c:axId val="487380976"/>
      </c:barChart>
      <c:catAx>
        <c:axId val="4873852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097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097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5288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211181348648329"/>
          <c:y val="3.3980582524271843E-2"/>
          <c:w val="0.83851016444884319"/>
          <c:h val="0.9126213592233010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１０４大沢野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４大沢野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250</c:v>
                </c:pt>
                <c:pt idx="6">
                  <c:v>6164</c:v>
                </c:pt>
                <c:pt idx="7">
                  <c:v>5923</c:v>
                </c:pt>
                <c:pt idx="8">
                  <c:v>5862</c:v>
                </c:pt>
                <c:pt idx="9">
                  <c:v>5789</c:v>
                </c:pt>
                <c:pt idx="10">
                  <c:v>5727</c:v>
                </c:pt>
                <c:pt idx="11">
                  <c:v>5639</c:v>
                </c:pt>
                <c:pt idx="12">
                  <c:v>5532</c:v>
                </c:pt>
                <c:pt idx="13">
                  <c:v>5439</c:v>
                </c:pt>
                <c:pt idx="14">
                  <c:v>5375</c:v>
                </c:pt>
                <c:pt idx="15">
                  <c:v>529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B3C-4C86-8DE9-93C7A63CA636}"/>
            </c:ext>
          </c:extLst>
        </c:ser>
        <c:ser>
          <c:idx val="3"/>
          <c:order val="2"/>
          <c:tx>
            <c:strRef>
              <c:f>'０１０４大沢野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４大沢野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594</c:v>
                </c:pt>
                <c:pt idx="6">
                  <c:v>6509</c:v>
                </c:pt>
                <c:pt idx="7">
                  <c:v>6336</c:v>
                </c:pt>
                <c:pt idx="8">
                  <c:v>6265</c:v>
                </c:pt>
                <c:pt idx="9">
                  <c:v>6172</c:v>
                </c:pt>
                <c:pt idx="10">
                  <c:v>6095</c:v>
                </c:pt>
                <c:pt idx="11">
                  <c:v>5997</c:v>
                </c:pt>
                <c:pt idx="12">
                  <c:v>5881</c:v>
                </c:pt>
                <c:pt idx="13">
                  <c:v>5785</c:v>
                </c:pt>
                <c:pt idx="14">
                  <c:v>5727</c:v>
                </c:pt>
                <c:pt idx="15">
                  <c:v>56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B3C-4C86-8DE9-93C7A63CA636}"/>
            </c:ext>
          </c:extLst>
        </c:ser>
        <c:ser>
          <c:idx val="1"/>
          <c:order val="3"/>
          <c:tx>
            <c:strRef>
              <c:f>'０１０４大沢野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４大沢野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B3C-4C86-8DE9-93C7A63CA6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0"/>
        <c:axId val="487385680"/>
        <c:axId val="487381368"/>
      </c:barChart>
      <c:lineChart>
        <c:grouping val="standard"/>
        <c:varyColors val="0"/>
        <c:ser>
          <c:idx val="0"/>
          <c:order val="0"/>
          <c:tx>
            <c:strRef>
              <c:f>'０１０４大沢野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2B3C-4C86-8DE9-93C7A63CA636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2B3C-4C86-8DE9-93C7A63CA636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2B3C-4C86-8DE9-93C7A63CA636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2B3C-4C86-8DE9-93C7A63CA636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2B3C-4C86-8DE9-93C7A63CA636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2B3C-4C86-8DE9-93C7A63CA636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2B3C-4C86-8DE9-93C7A63CA636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2B3C-4C86-8DE9-93C7A63CA636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2B3C-4C86-8DE9-93C7A63CA636}"/>
              </c:ext>
            </c:extLst>
          </c:dPt>
          <c:dPt>
            <c:idx val="9"/>
            <c:bubble3D val="0"/>
            <c:extLst>
              <c:ext xmlns:c16="http://schemas.microsoft.com/office/drawing/2014/chart" uri="{C3380CC4-5D6E-409C-BE32-E72D297353CC}">
                <c16:uniqueId val="{00000014-2B3C-4C86-8DE9-93C7A63CA636}"/>
              </c:ext>
            </c:extLst>
          </c:dPt>
          <c:dPt>
            <c:idx val="10"/>
            <c:bubble3D val="0"/>
            <c:extLst>
              <c:ext xmlns:c16="http://schemas.microsoft.com/office/drawing/2014/chart" uri="{C3380CC4-5D6E-409C-BE32-E72D297353CC}">
                <c16:uniqueId val="{00000015-2B3C-4C86-8DE9-93C7A63CA636}"/>
              </c:ext>
            </c:extLst>
          </c:dPt>
          <c:cat>
            <c:strRef>
              <c:f>'０１０４大沢野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４大沢野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2844</c:v>
                </c:pt>
                <c:pt idx="6">
                  <c:v>12673</c:v>
                </c:pt>
                <c:pt idx="7">
                  <c:v>12259</c:v>
                </c:pt>
                <c:pt idx="8">
                  <c:v>12127</c:v>
                </c:pt>
                <c:pt idx="9">
                  <c:v>11961</c:v>
                </c:pt>
                <c:pt idx="10">
                  <c:v>11822</c:v>
                </c:pt>
                <c:pt idx="11">
                  <c:v>11636</c:v>
                </c:pt>
                <c:pt idx="12">
                  <c:v>11413</c:v>
                </c:pt>
                <c:pt idx="13">
                  <c:v>11224</c:v>
                </c:pt>
                <c:pt idx="14">
                  <c:v>11102</c:v>
                </c:pt>
                <c:pt idx="15">
                  <c:v>1092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6-2B3C-4C86-8DE9-93C7A63CA63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85680"/>
        <c:axId val="487381368"/>
      </c:lineChart>
      <c:catAx>
        <c:axId val="4873856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136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136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3.0020703933747412E-2"/>
              <c:y val="6.067961165048543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5680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0000054341033462"/>
          <c:y val="0.31917475728155342"/>
          <c:w val="0.14263809846431796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352941176470587E-2"/>
          <c:y val="3.1630207894008389E-2"/>
          <c:w val="0.90267379679144388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１０４大沢野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４大沢野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51</c:v>
                </c:pt>
                <c:pt idx="6">
                  <c:v>1675</c:v>
                </c:pt>
                <c:pt idx="7">
                  <c:v>1413</c:v>
                </c:pt>
                <c:pt idx="8">
                  <c:v>1365</c:v>
                </c:pt>
                <c:pt idx="9">
                  <c:v>1276</c:v>
                </c:pt>
                <c:pt idx="10">
                  <c:v>1216</c:v>
                </c:pt>
                <c:pt idx="11">
                  <c:v>1161</c:v>
                </c:pt>
                <c:pt idx="12">
                  <c:v>1080</c:v>
                </c:pt>
                <c:pt idx="13">
                  <c:v>1025</c:v>
                </c:pt>
                <c:pt idx="14">
                  <c:v>1021</c:v>
                </c:pt>
                <c:pt idx="15">
                  <c:v>96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82B-4198-A184-CA465D6BF757}"/>
            </c:ext>
          </c:extLst>
        </c:ser>
        <c:ser>
          <c:idx val="0"/>
          <c:order val="1"/>
          <c:tx>
            <c:strRef>
              <c:f>'０１０４大沢野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４大沢野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254</c:v>
                </c:pt>
                <c:pt idx="6">
                  <c:v>7829</c:v>
                </c:pt>
                <c:pt idx="7">
                  <c:v>7280</c:v>
                </c:pt>
                <c:pt idx="8">
                  <c:v>7130</c:v>
                </c:pt>
                <c:pt idx="9">
                  <c:v>7041</c:v>
                </c:pt>
                <c:pt idx="10">
                  <c:v>6900</c:v>
                </c:pt>
                <c:pt idx="11">
                  <c:v>6770</c:v>
                </c:pt>
                <c:pt idx="12">
                  <c:v>6600</c:v>
                </c:pt>
                <c:pt idx="13">
                  <c:v>6471</c:v>
                </c:pt>
                <c:pt idx="14">
                  <c:v>6349</c:v>
                </c:pt>
                <c:pt idx="15">
                  <c:v>62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82B-4198-A184-CA465D6BF757}"/>
            </c:ext>
          </c:extLst>
        </c:ser>
        <c:ser>
          <c:idx val="2"/>
          <c:order val="2"/>
          <c:tx>
            <c:strRef>
              <c:f>'０１０４大沢野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４大沢野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４大沢野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39</c:v>
                </c:pt>
                <c:pt idx="6">
                  <c:v>3169</c:v>
                </c:pt>
                <c:pt idx="7">
                  <c:v>3566</c:v>
                </c:pt>
                <c:pt idx="8">
                  <c:v>3632</c:v>
                </c:pt>
                <c:pt idx="9">
                  <c:v>3644</c:v>
                </c:pt>
                <c:pt idx="10">
                  <c:v>3706</c:v>
                </c:pt>
                <c:pt idx="11">
                  <c:v>3705</c:v>
                </c:pt>
                <c:pt idx="12">
                  <c:v>3733</c:v>
                </c:pt>
                <c:pt idx="13">
                  <c:v>3728</c:v>
                </c:pt>
                <c:pt idx="14">
                  <c:v>3732</c:v>
                </c:pt>
                <c:pt idx="15">
                  <c:v>374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82B-4198-A184-CA465D6BF7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7388424"/>
        <c:axId val="487389992"/>
      </c:barChart>
      <c:catAx>
        <c:axId val="4873884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999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8999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88424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526153284956812"/>
          <c:y val="3.0303066173137043E-2"/>
          <c:w val="0.84845295014265432"/>
          <c:h val="0.91151623048796226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１０５大久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５大久保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282</c:v>
                </c:pt>
                <c:pt idx="6">
                  <c:v>3427</c:v>
                </c:pt>
                <c:pt idx="7">
                  <c:v>3492</c:v>
                </c:pt>
                <c:pt idx="8">
                  <c:v>3498</c:v>
                </c:pt>
                <c:pt idx="9">
                  <c:v>3593</c:v>
                </c:pt>
                <c:pt idx="10">
                  <c:v>3637</c:v>
                </c:pt>
                <c:pt idx="11">
                  <c:v>3674</c:v>
                </c:pt>
                <c:pt idx="12">
                  <c:v>3765</c:v>
                </c:pt>
                <c:pt idx="13">
                  <c:v>3816</c:v>
                </c:pt>
                <c:pt idx="14">
                  <c:v>3826</c:v>
                </c:pt>
                <c:pt idx="15">
                  <c:v>386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AE8-411B-833E-31186C3C3B24}"/>
            </c:ext>
          </c:extLst>
        </c:ser>
        <c:ser>
          <c:idx val="3"/>
          <c:order val="2"/>
          <c:tx>
            <c:strRef>
              <c:f>'０１０５大久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５大久保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431</c:v>
                </c:pt>
                <c:pt idx="6">
                  <c:v>3506</c:v>
                </c:pt>
                <c:pt idx="7">
                  <c:v>3650</c:v>
                </c:pt>
                <c:pt idx="8">
                  <c:v>3646</c:v>
                </c:pt>
                <c:pt idx="9">
                  <c:v>3666</c:v>
                </c:pt>
                <c:pt idx="10">
                  <c:v>3725</c:v>
                </c:pt>
                <c:pt idx="11">
                  <c:v>3789</c:v>
                </c:pt>
                <c:pt idx="12">
                  <c:v>3835</c:v>
                </c:pt>
                <c:pt idx="13">
                  <c:v>3895</c:v>
                </c:pt>
                <c:pt idx="14">
                  <c:v>3894</c:v>
                </c:pt>
                <c:pt idx="15">
                  <c:v>39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AE8-411B-833E-31186C3C3B24}"/>
            </c:ext>
          </c:extLst>
        </c:ser>
        <c:ser>
          <c:idx val="1"/>
          <c:order val="3"/>
          <c:tx>
            <c:strRef>
              <c:f>'０１０５大久保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１０５大久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１０５大久保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AE8-411B-833E-31186C3C3B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90776"/>
        <c:axId val="487379016"/>
      </c:barChart>
      <c:lineChart>
        <c:grouping val="standard"/>
        <c:varyColors val="0"/>
        <c:ser>
          <c:idx val="0"/>
          <c:order val="0"/>
          <c:tx>
            <c:strRef>
              <c:f>'０１０５大久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7AE8-411B-833E-31186C3C3B24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7AE8-411B-833E-31186C3C3B24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7AE8-411B-833E-31186C3C3B24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7AE8-411B-833E-31186C3C3B24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7AE8-411B-833E-31186C3C3B24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7AE8-411B-833E-31186C3C3B24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7AE8-411B-833E-31186C3C3B24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7AE8-411B-833E-31186C3C3B24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7AE8-411B-833E-31186C3C3B24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7AE8-411B-833E-31186C3C3B24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7AE8-411B-833E-31186C3C3B24}"/>
              </c:ext>
            </c:extLst>
          </c:dPt>
          <c:cat>
            <c:strRef>
              <c:f>'０１０５大久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１０５大久保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713</c:v>
                </c:pt>
                <c:pt idx="6">
                  <c:v>6933</c:v>
                </c:pt>
                <c:pt idx="7">
                  <c:v>7142</c:v>
                </c:pt>
                <c:pt idx="8">
                  <c:v>7144</c:v>
                </c:pt>
                <c:pt idx="9">
                  <c:v>7259</c:v>
                </c:pt>
                <c:pt idx="10">
                  <c:v>7362</c:v>
                </c:pt>
                <c:pt idx="11">
                  <c:v>7463</c:v>
                </c:pt>
                <c:pt idx="12">
                  <c:v>7600</c:v>
                </c:pt>
                <c:pt idx="13">
                  <c:v>7711</c:v>
                </c:pt>
                <c:pt idx="14">
                  <c:v>7720</c:v>
                </c:pt>
                <c:pt idx="15">
                  <c:v>782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7AE8-411B-833E-31186C3C3B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90776"/>
        <c:axId val="487379016"/>
      </c:lineChart>
      <c:catAx>
        <c:axId val="4873907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790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737901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5613660618996798E-2"/>
              <c:y val="6.060606060606060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077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096895889792231"/>
          <c:y val="0.27251300505050507"/>
          <c:w val="0.13433751129177959"/>
          <c:h val="9.2121339378032296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_rels/drawing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chart" Target="../charts/chart1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1</xdr:row>
      <xdr:rowOff>28573</xdr:rowOff>
    </xdr:from>
    <xdr:to>
      <xdr:col>7</xdr:col>
      <xdr:colOff>1097455</xdr:colOff>
      <xdr:row>77</xdr:row>
      <xdr:rowOff>293936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1F17EFBD-341D-4912-905A-2FABE7699AD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2302</xdr:colOff>
      <xdr:row>51</xdr:row>
      <xdr:rowOff>22511</xdr:rowOff>
    </xdr:from>
    <xdr:to>
      <xdr:col>16</xdr:col>
      <xdr:colOff>1091392</xdr:colOff>
      <xdr:row>77</xdr:row>
      <xdr:rowOff>287874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F0776B5F-BAA8-4982-9DF6-3403A947AB4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7502</xdr:colOff>
      <xdr:row>75</xdr:row>
      <xdr:rowOff>16455</xdr:rowOff>
    </xdr:from>
    <xdr:to>
      <xdr:col>14</xdr:col>
      <xdr:colOff>457393</xdr:colOff>
      <xdr:row>75</xdr:row>
      <xdr:rowOff>268455</xdr:rowOff>
    </xdr:to>
    <xdr:sp macro="" textlink="">
      <xdr:nvSpPr>
        <xdr:cNvPr id="4" name="Text Box 4">
          <a:extLst>
            <a:ext uri="{FF2B5EF4-FFF2-40B4-BE49-F238E27FC236}">
              <a16:creationId xmlns:a16="http://schemas.microsoft.com/office/drawing/2014/main" id="{03177A91-6665-4C01-BAC4-29C9A4E496D6}"/>
            </a:ext>
          </a:extLst>
        </xdr:cNvPr>
        <xdr:cNvSpPr txBox="1">
          <a:spLocks noChangeArrowheads="1"/>
        </xdr:cNvSpPr>
      </xdr:nvSpPr>
      <xdr:spPr bwMode="auto">
        <a:xfrm>
          <a:off x="12951902" y="2161915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7336</xdr:colOff>
      <xdr:row>57</xdr:row>
      <xdr:rowOff>7803</xdr:rowOff>
    </xdr:from>
    <xdr:to>
      <xdr:col>14</xdr:col>
      <xdr:colOff>467227</xdr:colOff>
      <xdr:row>57</xdr:row>
      <xdr:rowOff>259803</xdr:rowOff>
    </xdr:to>
    <xdr:sp macro="" textlink="">
      <xdr:nvSpPr>
        <xdr:cNvPr id="5" name="Text Box 5">
          <a:extLst>
            <a:ext uri="{FF2B5EF4-FFF2-40B4-BE49-F238E27FC236}">
              <a16:creationId xmlns:a16="http://schemas.microsoft.com/office/drawing/2014/main" id="{51FF88CF-6094-411A-9EB2-72098C505A6E}"/>
            </a:ext>
          </a:extLst>
        </xdr:cNvPr>
        <xdr:cNvSpPr txBox="1">
          <a:spLocks noChangeArrowheads="1"/>
        </xdr:cNvSpPr>
      </xdr:nvSpPr>
      <xdr:spPr bwMode="auto">
        <a:xfrm>
          <a:off x="12961736" y="16398423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13</xdr:col>
      <xdr:colOff>615053</xdr:colOff>
      <xdr:row>68</xdr:row>
      <xdr:rowOff>153271</xdr:rowOff>
    </xdr:from>
    <xdr:to>
      <xdr:col>14</xdr:col>
      <xdr:colOff>464944</xdr:colOff>
      <xdr:row>69</xdr:row>
      <xdr:rowOff>114326</xdr:rowOff>
    </xdr:to>
    <xdr:sp macro="" textlink="">
      <xdr:nvSpPr>
        <xdr:cNvPr id="6" name="Text Box 6">
          <a:extLst>
            <a:ext uri="{FF2B5EF4-FFF2-40B4-BE49-F238E27FC236}">
              <a16:creationId xmlns:a16="http://schemas.microsoft.com/office/drawing/2014/main" id="{32815711-495A-424C-8830-F87D7895D88C}"/>
            </a:ext>
          </a:extLst>
        </xdr:cNvPr>
        <xdr:cNvSpPr txBox="1">
          <a:spLocks noChangeArrowheads="1"/>
        </xdr:cNvSpPr>
      </xdr:nvSpPr>
      <xdr:spPr bwMode="auto">
        <a:xfrm>
          <a:off x="12959453" y="19729051"/>
          <a:ext cx="794771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5</xdr:colOff>
      <xdr:row>51</xdr:row>
      <xdr:rowOff>14720</xdr:rowOff>
    </xdr:from>
    <xdr:to>
      <xdr:col>8</xdr:col>
      <xdr:colOff>41046</xdr:colOff>
      <xdr:row>77</xdr:row>
      <xdr:rowOff>280083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88D334B0-8251-475F-98AD-9BB1F2D31AB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987135</xdr:colOff>
      <xdr:row>51</xdr:row>
      <xdr:rowOff>32038</xdr:rowOff>
    </xdr:from>
    <xdr:to>
      <xdr:col>16</xdr:col>
      <xdr:colOff>976225</xdr:colOff>
      <xdr:row>78</xdr:row>
      <xdr:rowOff>2992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7614DFD7-DDC8-4FE0-905A-3AF39DA1459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26688</xdr:colOff>
      <xdr:row>67</xdr:row>
      <xdr:rowOff>129889</xdr:rowOff>
    </xdr:from>
    <xdr:to>
      <xdr:col>14</xdr:col>
      <xdr:colOff>476579</xdr:colOff>
      <xdr:row>68</xdr:row>
      <xdr:rowOff>92329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15975CDB-B85C-445E-B9E3-CFF7A23DA1BA}"/>
            </a:ext>
          </a:extLst>
        </xdr:cNvPr>
        <xdr:cNvSpPr txBox="1">
          <a:spLocks noChangeArrowheads="1"/>
        </xdr:cNvSpPr>
      </xdr:nvSpPr>
      <xdr:spPr bwMode="auto">
        <a:xfrm>
          <a:off x="12971088" y="1941610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32965</xdr:colOff>
      <xdr:row>75</xdr:row>
      <xdr:rowOff>45334</xdr:rowOff>
    </xdr:from>
    <xdr:to>
      <xdr:col>14</xdr:col>
      <xdr:colOff>482856</xdr:colOff>
      <xdr:row>76</xdr:row>
      <xdr:rowOff>7774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9E3E0EA8-6815-448C-B1AA-A76CEE1E1B91}"/>
            </a:ext>
          </a:extLst>
        </xdr:cNvPr>
        <xdr:cNvSpPr txBox="1">
          <a:spLocks noChangeArrowheads="1"/>
        </xdr:cNvSpPr>
      </xdr:nvSpPr>
      <xdr:spPr bwMode="auto">
        <a:xfrm>
          <a:off x="12977365" y="21648034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21360</xdr:colOff>
      <xdr:row>55</xdr:row>
      <xdr:rowOff>258042</xdr:rowOff>
    </xdr:from>
    <xdr:to>
      <xdr:col>14</xdr:col>
      <xdr:colOff>471251</xdr:colOff>
      <xdr:row>56</xdr:row>
      <xdr:rowOff>220482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175C3F05-C658-4F3B-AE81-36FB3DDFA6F8}"/>
            </a:ext>
          </a:extLst>
        </xdr:cNvPr>
        <xdr:cNvSpPr txBox="1">
          <a:spLocks noChangeArrowheads="1"/>
        </xdr:cNvSpPr>
      </xdr:nvSpPr>
      <xdr:spPr bwMode="auto">
        <a:xfrm>
          <a:off x="12965760" y="1606954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273</xdr:colOff>
      <xdr:row>52</xdr:row>
      <xdr:rowOff>28574</xdr:rowOff>
    </xdr:from>
    <xdr:to>
      <xdr:col>8</xdr:col>
      <xdr:colOff>58364</xdr:colOff>
      <xdr:row>78</xdr:row>
      <xdr:rowOff>293937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F781BF70-0837-47A6-A0CF-FA1681A307E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73727</xdr:colOff>
      <xdr:row>52</xdr:row>
      <xdr:rowOff>22512</xdr:rowOff>
    </xdr:from>
    <xdr:to>
      <xdr:col>16</xdr:col>
      <xdr:colOff>1062817</xdr:colOff>
      <xdr:row>78</xdr:row>
      <xdr:rowOff>287875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599FEE65-3ABD-4C4A-8C1F-1E88FBB3134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3009</xdr:colOff>
      <xdr:row>67</xdr:row>
      <xdr:rowOff>176657</xdr:rowOff>
    </xdr:from>
    <xdr:to>
      <xdr:col>14</xdr:col>
      <xdr:colOff>437951</xdr:colOff>
      <xdr:row>68</xdr:row>
      <xdr:rowOff>134743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5E226BBA-5AA7-4EAE-A8B2-5728593FF2FF}"/>
            </a:ext>
          </a:extLst>
        </xdr:cNvPr>
        <xdr:cNvSpPr txBox="1">
          <a:spLocks noChangeArrowheads="1"/>
        </xdr:cNvSpPr>
      </xdr:nvSpPr>
      <xdr:spPr bwMode="auto">
        <a:xfrm>
          <a:off x="12937409" y="19462877"/>
          <a:ext cx="789822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04612</xdr:colOff>
      <xdr:row>76</xdr:row>
      <xdr:rowOff>58882</xdr:rowOff>
    </xdr:from>
    <xdr:to>
      <xdr:col>14</xdr:col>
      <xdr:colOff>449554</xdr:colOff>
      <xdr:row>77</xdr:row>
      <xdr:rowOff>16968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A9DF06B7-F106-4A4B-90D7-364DA25A7877}"/>
            </a:ext>
          </a:extLst>
        </xdr:cNvPr>
        <xdr:cNvSpPr txBox="1">
          <a:spLocks noChangeArrowheads="1"/>
        </xdr:cNvSpPr>
      </xdr:nvSpPr>
      <xdr:spPr bwMode="auto">
        <a:xfrm>
          <a:off x="12949012" y="21951142"/>
          <a:ext cx="789822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4586</xdr:colOff>
      <xdr:row>56</xdr:row>
      <xdr:rowOff>123825</xdr:rowOff>
    </xdr:from>
    <xdr:to>
      <xdr:col>14</xdr:col>
      <xdr:colOff>459528</xdr:colOff>
      <xdr:row>57</xdr:row>
      <xdr:rowOff>81911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F293A0BA-4A30-4B49-9A1D-DACE2B8FCA88}"/>
            </a:ext>
          </a:extLst>
        </xdr:cNvPr>
        <xdr:cNvSpPr txBox="1">
          <a:spLocks noChangeArrowheads="1"/>
        </xdr:cNvSpPr>
      </xdr:nvSpPr>
      <xdr:spPr bwMode="auto">
        <a:xfrm>
          <a:off x="12958986" y="16224885"/>
          <a:ext cx="789822" cy="247646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676275</xdr:colOff>
      <xdr:row>63</xdr:row>
      <xdr:rowOff>219075</xdr:rowOff>
    </xdr:from>
    <xdr:to>
      <xdr:col>8</xdr:col>
      <xdr:colOff>457200</xdr:colOff>
      <xdr:row>64</xdr:row>
      <xdr:rowOff>219075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05A472CF-6CB3-418E-A1A3-B44F3FB03592}"/>
            </a:ext>
          </a:extLst>
        </xdr:cNvPr>
        <xdr:cNvSpPr txBox="1">
          <a:spLocks noChangeArrowheads="1"/>
        </xdr:cNvSpPr>
      </xdr:nvSpPr>
      <xdr:spPr bwMode="auto">
        <a:xfrm>
          <a:off x="7351395" y="18347055"/>
          <a:ext cx="725805" cy="28956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7</xdr:col>
      <xdr:colOff>257175</xdr:colOff>
      <xdr:row>73</xdr:row>
      <xdr:rowOff>209550</xdr:rowOff>
    </xdr:from>
    <xdr:to>
      <xdr:col>8</xdr:col>
      <xdr:colOff>133350</xdr:colOff>
      <xdr:row>75</xdr:row>
      <xdr:rowOff>9525</xdr:rowOff>
    </xdr:to>
    <xdr:sp macro="" textlink="">
      <xdr:nvSpPr>
        <xdr:cNvPr id="3" name="Text Box 2">
          <a:extLst>
            <a:ext uri="{FF2B5EF4-FFF2-40B4-BE49-F238E27FC236}">
              <a16:creationId xmlns:a16="http://schemas.microsoft.com/office/drawing/2014/main" id="{56F6E619-6F6E-4D99-929C-4787E9DE3D94}"/>
            </a:ext>
          </a:extLst>
        </xdr:cNvPr>
        <xdr:cNvSpPr txBox="1">
          <a:spLocks noChangeArrowheads="1"/>
        </xdr:cNvSpPr>
      </xdr:nvSpPr>
      <xdr:spPr bwMode="auto">
        <a:xfrm>
          <a:off x="6932295" y="21233130"/>
          <a:ext cx="821055" cy="37909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8</xdr:col>
      <xdr:colOff>19050</xdr:colOff>
      <xdr:row>54</xdr:row>
      <xdr:rowOff>85725</xdr:rowOff>
    </xdr:from>
    <xdr:to>
      <xdr:col>8</xdr:col>
      <xdr:colOff>752475</xdr:colOff>
      <xdr:row>55</xdr:row>
      <xdr:rowOff>142875</xdr:rowOff>
    </xdr:to>
    <xdr:sp macro="" textlink="">
      <xdr:nvSpPr>
        <xdr:cNvPr id="4" name="Text Box 3">
          <a:extLst>
            <a:ext uri="{FF2B5EF4-FFF2-40B4-BE49-F238E27FC236}">
              <a16:creationId xmlns:a16="http://schemas.microsoft.com/office/drawing/2014/main" id="{1B7923C5-F83D-4B5A-AEB8-E05D9A969ECF}"/>
            </a:ext>
          </a:extLst>
        </xdr:cNvPr>
        <xdr:cNvSpPr txBox="1">
          <a:spLocks noChangeArrowheads="1"/>
        </xdr:cNvSpPr>
      </xdr:nvSpPr>
      <xdr:spPr bwMode="auto">
        <a:xfrm>
          <a:off x="7639050" y="15607665"/>
          <a:ext cx="733425" cy="34671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2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  <xdr:twoCellAnchor>
    <xdr:from>
      <xdr:col>0</xdr:col>
      <xdr:colOff>34636</xdr:colOff>
      <xdr:row>51</xdr:row>
      <xdr:rowOff>39831</xdr:rowOff>
    </xdr:from>
    <xdr:to>
      <xdr:col>8</xdr:col>
      <xdr:colOff>23727</xdr:colOff>
      <xdr:row>78</xdr:row>
      <xdr:rowOff>10785</xdr:rowOff>
    </xdr:to>
    <xdr:graphicFrame macro="">
      <xdr:nvGraphicFramePr>
        <xdr:cNvPr id="5" name="グラフ 4">
          <a:extLst>
            <a:ext uri="{FF2B5EF4-FFF2-40B4-BE49-F238E27FC236}">
              <a16:creationId xmlns:a16="http://schemas.microsoft.com/office/drawing/2014/main" id="{534DE01E-C276-49E4-AD53-2392501232A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56409</xdr:colOff>
      <xdr:row>51</xdr:row>
      <xdr:rowOff>25977</xdr:rowOff>
    </xdr:from>
    <xdr:to>
      <xdr:col>16</xdr:col>
      <xdr:colOff>1045499</xdr:colOff>
      <xdr:row>77</xdr:row>
      <xdr:rowOff>291340</xdr:rowOff>
    </xdr:to>
    <xdr:graphicFrame macro="">
      <xdr:nvGraphicFramePr>
        <xdr:cNvPr id="6" name="グラフ 5">
          <a:extLst>
            <a:ext uri="{FF2B5EF4-FFF2-40B4-BE49-F238E27FC236}">
              <a16:creationId xmlns:a16="http://schemas.microsoft.com/office/drawing/2014/main" id="{16F11F4D-052D-44F7-81D2-DD5B4F5B85A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9599</xdr:colOff>
      <xdr:row>65</xdr:row>
      <xdr:rowOff>123579</xdr:rowOff>
    </xdr:from>
    <xdr:to>
      <xdr:col>14</xdr:col>
      <xdr:colOff>459490</xdr:colOff>
      <xdr:row>66</xdr:row>
      <xdr:rowOff>86019</xdr:rowOff>
    </xdr:to>
    <xdr:sp macro="" textlink="">
      <xdr:nvSpPr>
        <xdr:cNvPr id="7" name="Text Box 6">
          <a:extLst>
            <a:ext uri="{FF2B5EF4-FFF2-40B4-BE49-F238E27FC236}">
              <a16:creationId xmlns:a16="http://schemas.microsoft.com/office/drawing/2014/main" id="{C54BF2C4-C988-4827-87DE-75CFA39488E2}"/>
            </a:ext>
          </a:extLst>
        </xdr:cNvPr>
        <xdr:cNvSpPr txBox="1">
          <a:spLocks noChangeArrowheads="1"/>
        </xdr:cNvSpPr>
      </xdr:nvSpPr>
      <xdr:spPr bwMode="auto">
        <a:xfrm>
          <a:off x="12953999" y="18830679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0007</xdr:colOff>
      <xdr:row>74</xdr:row>
      <xdr:rowOff>209552</xdr:rowOff>
    </xdr:from>
    <xdr:to>
      <xdr:col>14</xdr:col>
      <xdr:colOff>459898</xdr:colOff>
      <xdr:row>75</xdr:row>
      <xdr:rowOff>171992</xdr:rowOff>
    </xdr:to>
    <xdr:sp macro="" textlink="">
      <xdr:nvSpPr>
        <xdr:cNvPr id="8" name="Text Box 7">
          <a:extLst>
            <a:ext uri="{FF2B5EF4-FFF2-40B4-BE49-F238E27FC236}">
              <a16:creationId xmlns:a16="http://schemas.microsoft.com/office/drawing/2014/main" id="{A69F9D1D-78B1-4BF1-898A-A0D5D5A6E76F}"/>
            </a:ext>
          </a:extLst>
        </xdr:cNvPr>
        <xdr:cNvSpPr txBox="1">
          <a:spLocks noChangeArrowheads="1"/>
        </xdr:cNvSpPr>
      </xdr:nvSpPr>
      <xdr:spPr bwMode="auto">
        <a:xfrm>
          <a:off x="12954407" y="21522692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4527</xdr:colOff>
      <xdr:row>54</xdr:row>
      <xdr:rowOff>220811</xdr:rowOff>
    </xdr:from>
    <xdr:to>
      <xdr:col>14</xdr:col>
      <xdr:colOff>464418</xdr:colOff>
      <xdr:row>55</xdr:row>
      <xdr:rowOff>183251</xdr:rowOff>
    </xdr:to>
    <xdr:sp macro="" textlink="">
      <xdr:nvSpPr>
        <xdr:cNvPr id="9" name="Text Box 8">
          <a:extLst>
            <a:ext uri="{FF2B5EF4-FFF2-40B4-BE49-F238E27FC236}">
              <a16:creationId xmlns:a16="http://schemas.microsoft.com/office/drawing/2014/main" id="{7C4A5A48-040A-45D1-9FE6-BA5BDEF8AECE}"/>
            </a:ext>
          </a:extLst>
        </xdr:cNvPr>
        <xdr:cNvSpPr txBox="1">
          <a:spLocks noChangeArrowheads="1"/>
        </xdr:cNvSpPr>
      </xdr:nvSpPr>
      <xdr:spPr bwMode="auto">
        <a:xfrm>
          <a:off x="12958927" y="15742751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9272</xdr:colOff>
      <xdr:row>51</xdr:row>
      <xdr:rowOff>20782</xdr:rowOff>
    </xdr:from>
    <xdr:to>
      <xdr:col>8</xdr:col>
      <xdr:colOff>58363</xdr:colOff>
      <xdr:row>77</xdr:row>
      <xdr:rowOff>286145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31E17958-6A76-4CF4-875B-DA133C9B66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8</xdr:col>
      <xdr:colOff>0</xdr:colOff>
      <xdr:row>51</xdr:row>
      <xdr:rowOff>30305</xdr:rowOff>
    </xdr:from>
    <xdr:to>
      <xdr:col>16</xdr:col>
      <xdr:colOff>1097454</xdr:colOff>
      <xdr:row>78</xdr:row>
      <xdr:rowOff>1259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26A1937C-53A7-4CD3-AE74-D43AAD41D3A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78626</xdr:colOff>
      <xdr:row>64</xdr:row>
      <xdr:rowOff>162800</xdr:rowOff>
    </xdr:from>
    <xdr:to>
      <xdr:col>14</xdr:col>
      <xdr:colOff>429331</xdr:colOff>
      <xdr:row>65</xdr:row>
      <xdr:rowOff>123855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606D0B6F-9E79-40C7-86FF-071B93DA3C65}"/>
            </a:ext>
          </a:extLst>
        </xdr:cNvPr>
        <xdr:cNvSpPr txBox="1">
          <a:spLocks noChangeArrowheads="1"/>
        </xdr:cNvSpPr>
      </xdr:nvSpPr>
      <xdr:spPr bwMode="auto">
        <a:xfrm>
          <a:off x="12923026" y="18580340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6724</xdr:colOff>
      <xdr:row>74</xdr:row>
      <xdr:rowOff>79668</xdr:rowOff>
    </xdr:from>
    <xdr:to>
      <xdr:col>14</xdr:col>
      <xdr:colOff>467429</xdr:colOff>
      <xdr:row>75</xdr:row>
      <xdr:rowOff>40722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F21BA2BA-B93F-4FD6-A37E-6C26F8B7E736}"/>
            </a:ext>
          </a:extLst>
        </xdr:cNvPr>
        <xdr:cNvSpPr txBox="1">
          <a:spLocks noChangeArrowheads="1"/>
        </xdr:cNvSpPr>
      </xdr:nvSpPr>
      <xdr:spPr bwMode="auto">
        <a:xfrm>
          <a:off x="12961124" y="21392808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09602</xdr:colOff>
      <xdr:row>54</xdr:row>
      <xdr:rowOff>109109</xdr:rowOff>
    </xdr:from>
    <xdr:to>
      <xdr:col>14</xdr:col>
      <xdr:colOff>460307</xdr:colOff>
      <xdr:row>55</xdr:row>
      <xdr:rowOff>70163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577A4BC8-4975-4175-BD19-40B061E25328}"/>
            </a:ext>
          </a:extLst>
        </xdr:cNvPr>
        <xdr:cNvSpPr txBox="1">
          <a:spLocks noChangeArrowheads="1"/>
        </xdr:cNvSpPr>
      </xdr:nvSpPr>
      <xdr:spPr bwMode="auto">
        <a:xfrm>
          <a:off x="12954002" y="15631049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5418</xdr:colOff>
      <xdr:row>51</xdr:row>
      <xdr:rowOff>93516</xdr:rowOff>
    </xdr:from>
    <xdr:to>
      <xdr:col>8</xdr:col>
      <xdr:colOff>44509</xdr:colOff>
      <xdr:row>78</xdr:row>
      <xdr:rowOff>6447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3E9109F2-FCC8-4F4A-A315-CA7B7438FCD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6</xdr:colOff>
      <xdr:row>51</xdr:row>
      <xdr:rowOff>66674</xdr:rowOff>
    </xdr:from>
    <xdr:to>
      <xdr:col>16</xdr:col>
      <xdr:colOff>1080136</xdr:colOff>
      <xdr:row>78</xdr:row>
      <xdr:rowOff>37628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C5052846-8D28-469B-8C3F-2D3249ADD5A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3461</xdr:colOff>
      <xdr:row>65</xdr:row>
      <xdr:rowOff>154138</xdr:rowOff>
    </xdr:from>
    <xdr:to>
      <xdr:col>14</xdr:col>
      <xdr:colOff>444166</xdr:colOff>
      <xdr:row>66</xdr:row>
      <xdr:rowOff>115192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FB5CCE93-7777-4CA5-948F-9EE76C2CF6E9}"/>
            </a:ext>
          </a:extLst>
        </xdr:cNvPr>
        <xdr:cNvSpPr txBox="1">
          <a:spLocks noChangeArrowheads="1"/>
        </xdr:cNvSpPr>
      </xdr:nvSpPr>
      <xdr:spPr bwMode="auto">
        <a:xfrm>
          <a:off x="12937861" y="18861238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6924</xdr:colOff>
      <xdr:row>74</xdr:row>
      <xdr:rowOff>211286</xdr:rowOff>
    </xdr:from>
    <xdr:to>
      <xdr:col>14</xdr:col>
      <xdr:colOff>447629</xdr:colOff>
      <xdr:row>75</xdr:row>
      <xdr:rowOff>172340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D1AF9F40-74CB-4631-8C7E-460A6CD6A758}"/>
            </a:ext>
          </a:extLst>
        </xdr:cNvPr>
        <xdr:cNvSpPr txBox="1">
          <a:spLocks noChangeArrowheads="1"/>
        </xdr:cNvSpPr>
      </xdr:nvSpPr>
      <xdr:spPr bwMode="auto">
        <a:xfrm>
          <a:off x="12941324" y="21524426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95188</xdr:colOff>
      <xdr:row>55</xdr:row>
      <xdr:rowOff>15593</xdr:rowOff>
    </xdr:from>
    <xdr:to>
      <xdr:col>14</xdr:col>
      <xdr:colOff>445893</xdr:colOff>
      <xdr:row>55</xdr:row>
      <xdr:rowOff>267593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311410E3-402B-420E-A316-684C1A1891E1}"/>
            </a:ext>
          </a:extLst>
        </xdr:cNvPr>
        <xdr:cNvSpPr txBox="1">
          <a:spLocks noChangeArrowheads="1"/>
        </xdr:cNvSpPr>
      </xdr:nvSpPr>
      <xdr:spPr bwMode="auto">
        <a:xfrm>
          <a:off x="12939588" y="15827093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515</v>
          </cell>
          <cell r="H26">
            <v>443</v>
          </cell>
          <cell r="I26">
            <v>385</v>
          </cell>
          <cell r="J26">
            <v>367</v>
          </cell>
          <cell r="K26">
            <v>352</v>
          </cell>
          <cell r="L26">
            <v>336</v>
          </cell>
          <cell r="M26">
            <v>329</v>
          </cell>
          <cell r="N26">
            <v>316</v>
          </cell>
          <cell r="O26">
            <v>309</v>
          </cell>
          <cell r="P26">
            <v>299</v>
          </cell>
          <cell r="Q26">
            <v>278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49</v>
          </cell>
          <cell r="H31">
            <v>39</v>
          </cell>
          <cell r="I31">
            <v>32</v>
          </cell>
          <cell r="J31">
            <v>27</v>
          </cell>
          <cell r="K31">
            <v>28</v>
          </cell>
          <cell r="L31">
            <v>23</v>
          </cell>
          <cell r="M31">
            <v>21</v>
          </cell>
          <cell r="N31">
            <v>20</v>
          </cell>
          <cell r="O31">
            <v>19</v>
          </cell>
          <cell r="P31">
            <v>21</v>
          </cell>
          <cell r="Q31">
            <v>20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65</v>
          </cell>
          <cell r="H32">
            <v>218</v>
          </cell>
          <cell r="I32">
            <v>171</v>
          </cell>
          <cell r="J32">
            <v>164</v>
          </cell>
          <cell r="K32">
            <v>152</v>
          </cell>
          <cell r="L32">
            <v>144</v>
          </cell>
          <cell r="M32">
            <v>139</v>
          </cell>
          <cell r="N32">
            <v>125</v>
          </cell>
          <cell r="O32">
            <v>120</v>
          </cell>
          <cell r="P32">
            <v>118</v>
          </cell>
          <cell r="Q32">
            <v>111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201</v>
          </cell>
          <cell r="H33">
            <v>186</v>
          </cell>
          <cell r="I33">
            <v>182</v>
          </cell>
          <cell r="J33">
            <v>176</v>
          </cell>
          <cell r="K33">
            <v>172</v>
          </cell>
          <cell r="L33">
            <v>169</v>
          </cell>
          <cell r="M33">
            <v>169</v>
          </cell>
          <cell r="N33">
            <v>171</v>
          </cell>
          <cell r="O33">
            <v>170</v>
          </cell>
          <cell r="P33">
            <v>160</v>
          </cell>
          <cell r="Q33">
            <v>147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246</v>
          </cell>
          <cell r="H105">
            <v>211</v>
          </cell>
          <cell r="I105">
            <v>182</v>
          </cell>
          <cell r="J105">
            <v>173</v>
          </cell>
          <cell r="K105">
            <v>164</v>
          </cell>
          <cell r="L105">
            <v>159</v>
          </cell>
          <cell r="M105">
            <v>154</v>
          </cell>
          <cell r="N105">
            <v>149</v>
          </cell>
          <cell r="O105">
            <v>146</v>
          </cell>
          <cell r="P105">
            <v>141</v>
          </cell>
          <cell r="Q105">
            <v>13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269</v>
          </cell>
          <cell r="H151">
            <v>232</v>
          </cell>
          <cell r="I151">
            <v>203</v>
          </cell>
          <cell r="J151">
            <v>194</v>
          </cell>
          <cell r="K151">
            <v>188</v>
          </cell>
          <cell r="L151">
            <v>177</v>
          </cell>
          <cell r="M151">
            <v>175</v>
          </cell>
          <cell r="N151">
            <v>167</v>
          </cell>
          <cell r="O151">
            <v>163</v>
          </cell>
          <cell r="P151">
            <v>158</v>
          </cell>
          <cell r="Q151">
            <v>144</v>
          </cell>
        </row>
      </sheetData>
      <sheetData sheetId="62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365</v>
          </cell>
          <cell r="H26">
            <v>322</v>
          </cell>
          <cell r="I26">
            <v>282</v>
          </cell>
          <cell r="J26">
            <v>280</v>
          </cell>
          <cell r="K26">
            <v>279</v>
          </cell>
          <cell r="L26">
            <v>272</v>
          </cell>
          <cell r="M26">
            <v>268</v>
          </cell>
          <cell r="N26">
            <v>264</v>
          </cell>
          <cell r="O26">
            <v>262</v>
          </cell>
          <cell r="P26">
            <v>248</v>
          </cell>
          <cell r="Q26">
            <v>249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32</v>
          </cell>
          <cell r="H31">
            <v>25</v>
          </cell>
          <cell r="I31">
            <v>24</v>
          </cell>
          <cell r="J31">
            <v>24</v>
          </cell>
          <cell r="K31">
            <v>25</v>
          </cell>
          <cell r="L31">
            <v>26</v>
          </cell>
          <cell r="M31">
            <v>30</v>
          </cell>
          <cell r="N31">
            <v>29</v>
          </cell>
          <cell r="O31">
            <v>30</v>
          </cell>
          <cell r="P31">
            <v>23</v>
          </cell>
          <cell r="Q31">
            <v>23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04</v>
          </cell>
          <cell r="H32">
            <v>174</v>
          </cell>
          <cell r="I32">
            <v>139</v>
          </cell>
          <cell r="J32">
            <v>136</v>
          </cell>
          <cell r="K32">
            <v>138</v>
          </cell>
          <cell r="L32">
            <v>133</v>
          </cell>
          <cell r="M32">
            <v>130</v>
          </cell>
          <cell r="N32">
            <v>126</v>
          </cell>
          <cell r="O32">
            <v>125</v>
          </cell>
          <cell r="P32">
            <v>119</v>
          </cell>
          <cell r="Q32">
            <v>120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29</v>
          </cell>
          <cell r="H33">
            <v>123</v>
          </cell>
          <cell r="I33">
            <v>119</v>
          </cell>
          <cell r="J33">
            <v>120</v>
          </cell>
          <cell r="K33">
            <v>116</v>
          </cell>
          <cell r="L33">
            <v>113</v>
          </cell>
          <cell r="M33">
            <v>108</v>
          </cell>
          <cell r="N33">
            <v>109</v>
          </cell>
          <cell r="O33">
            <v>107</v>
          </cell>
          <cell r="P33">
            <v>106</v>
          </cell>
          <cell r="Q33">
            <v>106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80</v>
          </cell>
          <cell r="H105">
            <v>160</v>
          </cell>
          <cell r="I105">
            <v>141</v>
          </cell>
          <cell r="J105">
            <v>138</v>
          </cell>
          <cell r="K105">
            <v>139</v>
          </cell>
          <cell r="L105">
            <v>134</v>
          </cell>
          <cell r="M105">
            <v>132</v>
          </cell>
          <cell r="N105">
            <v>128</v>
          </cell>
          <cell r="O105">
            <v>129</v>
          </cell>
          <cell r="P105">
            <v>124</v>
          </cell>
          <cell r="Q105">
            <v>125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85</v>
          </cell>
          <cell r="H151">
            <v>162</v>
          </cell>
          <cell r="I151">
            <v>141</v>
          </cell>
          <cell r="J151">
            <v>142</v>
          </cell>
          <cell r="K151">
            <v>140</v>
          </cell>
          <cell r="L151">
            <v>138</v>
          </cell>
          <cell r="M151">
            <v>136</v>
          </cell>
          <cell r="N151">
            <v>136</v>
          </cell>
          <cell r="O151">
            <v>133</v>
          </cell>
          <cell r="P151">
            <v>124</v>
          </cell>
          <cell r="Q151">
            <v>124</v>
          </cell>
        </row>
      </sheetData>
      <sheetData sheetId="63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423</v>
          </cell>
          <cell r="H26">
            <v>2397</v>
          </cell>
          <cell r="I26">
            <v>2273</v>
          </cell>
          <cell r="J26">
            <v>2217</v>
          </cell>
          <cell r="K26">
            <v>2170</v>
          </cell>
          <cell r="L26">
            <v>2121</v>
          </cell>
          <cell r="M26">
            <v>2098</v>
          </cell>
          <cell r="N26">
            <v>2060</v>
          </cell>
          <cell r="O26">
            <v>2023</v>
          </cell>
          <cell r="P26">
            <v>1984</v>
          </cell>
          <cell r="Q26">
            <v>195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212</v>
          </cell>
          <cell r="H31">
            <v>186</v>
          </cell>
          <cell r="I31">
            <v>171</v>
          </cell>
          <cell r="J31">
            <v>157</v>
          </cell>
          <cell r="K31">
            <v>143</v>
          </cell>
          <cell r="L31">
            <v>136</v>
          </cell>
          <cell r="M31">
            <v>136</v>
          </cell>
          <cell r="N31">
            <v>135</v>
          </cell>
          <cell r="O31">
            <v>127</v>
          </cell>
          <cell r="P31">
            <v>125</v>
          </cell>
          <cell r="Q31">
            <v>120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562</v>
          </cell>
          <cell r="H32">
            <v>1522</v>
          </cell>
          <cell r="I32">
            <v>1346</v>
          </cell>
          <cell r="J32">
            <v>1292</v>
          </cell>
          <cell r="K32">
            <v>1257</v>
          </cell>
          <cell r="L32">
            <v>1202</v>
          </cell>
          <cell r="M32">
            <v>1145</v>
          </cell>
          <cell r="N32">
            <v>1104</v>
          </cell>
          <cell r="O32">
            <v>1077</v>
          </cell>
          <cell r="P32">
            <v>1024</v>
          </cell>
          <cell r="Q32">
            <v>1001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649</v>
          </cell>
          <cell r="H33">
            <v>689</v>
          </cell>
          <cell r="I33">
            <v>756</v>
          </cell>
          <cell r="J33">
            <v>768</v>
          </cell>
          <cell r="K33">
            <v>770</v>
          </cell>
          <cell r="L33">
            <v>783</v>
          </cell>
          <cell r="M33">
            <v>817</v>
          </cell>
          <cell r="N33">
            <v>821</v>
          </cell>
          <cell r="O33">
            <v>819</v>
          </cell>
          <cell r="P33">
            <v>835</v>
          </cell>
          <cell r="Q33">
            <v>834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236</v>
          </cell>
          <cell r="H105">
            <v>1241</v>
          </cell>
          <cell r="I105">
            <v>1173</v>
          </cell>
          <cell r="J105">
            <v>1146</v>
          </cell>
          <cell r="K105">
            <v>1118</v>
          </cell>
          <cell r="L105">
            <v>1086</v>
          </cell>
          <cell r="M105">
            <v>1062</v>
          </cell>
          <cell r="N105">
            <v>1044</v>
          </cell>
          <cell r="O105">
            <v>1021</v>
          </cell>
          <cell r="P105">
            <v>998</v>
          </cell>
          <cell r="Q105">
            <v>98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187</v>
          </cell>
          <cell r="H151">
            <v>1156</v>
          </cell>
          <cell r="I151">
            <v>1100</v>
          </cell>
          <cell r="J151">
            <v>1071</v>
          </cell>
          <cell r="K151">
            <v>1052</v>
          </cell>
          <cell r="L151">
            <v>1035</v>
          </cell>
          <cell r="M151">
            <v>1036</v>
          </cell>
          <cell r="N151">
            <v>1016</v>
          </cell>
          <cell r="O151">
            <v>1002</v>
          </cell>
          <cell r="P151">
            <v>986</v>
          </cell>
          <cell r="Q151">
            <v>971</v>
          </cell>
        </row>
      </sheetData>
      <sheetData sheetId="64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2844</v>
          </cell>
          <cell r="H26">
            <v>12673</v>
          </cell>
          <cell r="I26">
            <v>12259</v>
          </cell>
          <cell r="J26">
            <v>12127</v>
          </cell>
          <cell r="K26">
            <v>11961</v>
          </cell>
          <cell r="L26">
            <v>11822</v>
          </cell>
          <cell r="M26">
            <v>11636</v>
          </cell>
          <cell r="N26">
            <v>11413</v>
          </cell>
          <cell r="O26">
            <v>11224</v>
          </cell>
          <cell r="P26">
            <v>11102</v>
          </cell>
          <cell r="Q26">
            <v>10922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851</v>
          </cell>
          <cell r="H31">
            <v>1675</v>
          </cell>
          <cell r="I31">
            <v>1413</v>
          </cell>
          <cell r="J31">
            <v>1365</v>
          </cell>
          <cell r="K31">
            <v>1276</v>
          </cell>
          <cell r="L31">
            <v>1216</v>
          </cell>
          <cell r="M31">
            <v>1161</v>
          </cell>
          <cell r="N31">
            <v>1080</v>
          </cell>
          <cell r="O31">
            <v>1025</v>
          </cell>
          <cell r="P31">
            <v>1021</v>
          </cell>
          <cell r="Q31">
            <v>968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8254</v>
          </cell>
          <cell r="H32">
            <v>7829</v>
          </cell>
          <cell r="I32">
            <v>7280</v>
          </cell>
          <cell r="J32">
            <v>7130</v>
          </cell>
          <cell r="K32">
            <v>7041</v>
          </cell>
          <cell r="L32">
            <v>6900</v>
          </cell>
          <cell r="M32">
            <v>6770</v>
          </cell>
          <cell r="N32">
            <v>6600</v>
          </cell>
          <cell r="O32">
            <v>6471</v>
          </cell>
          <cell r="P32">
            <v>6349</v>
          </cell>
          <cell r="Q32">
            <v>6210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2739</v>
          </cell>
          <cell r="H33">
            <v>3169</v>
          </cell>
          <cell r="I33">
            <v>3566</v>
          </cell>
          <cell r="J33">
            <v>3632</v>
          </cell>
          <cell r="K33">
            <v>3644</v>
          </cell>
          <cell r="L33">
            <v>3706</v>
          </cell>
          <cell r="M33">
            <v>3705</v>
          </cell>
          <cell r="N33">
            <v>3733</v>
          </cell>
          <cell r="O33">
            <v>3728</v>
          </cell>
          <cell r="P33">
            <v>3732</v>
          </cell>
          <cell r="Q33">
            <v>3744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6250</v>
          </cell>
          <cell r="H105">
            <v>6164</v>
          </cell>
          <cell r="I105">
            <v>5923</v>
          </cell>
          <cell r="J105">
            <v>5862</v>
          </cell>
          <cell r="K105">
            <v>5789</v>
          </cell>
          <cell r="L105">
            <v>5727</v>
          </cell>
          <cell r="M105">
            <v>5639</v>
          </cell>
          <cell r="N105">
            <v>5532</v>
          </cell>
          <cell r="O105">
            <v>5439</v>
          </cell>
          <cell r="P105">
            <v>5375</v>
          </cell>
          <cell r="Q105">
            <v>5296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6594</v>
          </cell>
          <cell r="H151">
            <v>6509</v>
          </cell>
          <cell r="I151">
            <v>6336</v>
          </cell>
          <cell r="J151">
            <v>6265</v>
          </cell>
          <cell r="K151">
            <v>6172</v>
          </cell>
          <cell r="L151">
            <v>6095</v>
          </cell>
          <cell r="M151">
            <v>5997</v>
          </cell>
          <cell r="N151">
            <v>5881</v>
          </cell>
          <cell r="O151">
            <v>5785</v>
          </cell>
          <cell r="P151">
            <v>5727</v>
          </cell>
          <cell r="Q151">
            <v>5626</v>
          </cell>
        </row>
      </sheetData>
      <sheetData sheetId="65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6713</v>
          </cell>
          <cell r="H26">
            <v>6933</v>
          </cell>
          <cell r="I26">
            <v>7142</v>
          </cell>
          <cell r="J26">
            <v>7144</v>
          </cell>
          <cell r="K26">
            <v>7259</v>
          </cell>
          <cell r="L26">
            <v>7362</v>
          </cell>
          <cell r="M26">
            <v>7463</v>
          </cell>
          <cell r="N26">
            <v>7600</v>
          </cell>
          <cell r="O26">
            <v>7711</v>
          </cell>
          <cell r="P26">
            <v>7720</v>
          </cell>
          <cell r="Q26">
            <v>7823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096</v>
          </cell>
          <cell r="H31">
            <v>1099</v>
          </cell>
          <cell r="I31">
            <v>1078</v>
          </cell>
          <cell r="J31">
            <v>1046</v>
          </cell>
          <cell r="K31">
            <v>1041</v>
          </cell>
          <cell r="L31">
            <v>1041</v>
          </cell>
          <cell r="M31">
            <v>1067</v>
          </cell>
          <cell r="N31">
            <v>1114</v>
          </cell>
          <cell r="O31">
            <v>1143</v>
          </cell>
          <cell r="P31">
            <v>1148</v>
          </cell>
          <cell r="Q31">
            <v>117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4343</v>
          </cell>
          <cell r="H32">
            <v>4318</v>
          </cell>
          <cell r="I32">
            <v>4286</v>
          </cell>
          <cell r="J32">
            <v>4297</v>
          </cell>
          <cell r="K32">
            <v>4375</v>
          </cell>
          <cell r="L32">
            <v>4474</v>
          </cell>
          <cell r="M32">
            <v>4501</v>
          </cell>
          <cell r="N32">
            <v>4558</v>
          </cell>
          <cell r="O32">
            <v>4619</v>
          </cell>
          <cell r="P32">
            <v>4622</v>
          </cell>
          <cell r="Q32">
            <v>4703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1274</v>
          </cell>
          <cell r="H33">
            <v>1516</v>
          </cell>
          <cell r="I33">
            <v>1778</v>
          </cell>
          <cell r="J33">
            <v>1801</v>
          </cell>
          <cell r="K33">
            <v>1843</v>
          </cell>
          <cell r="L33">
            <v>1847</v>
          </cell>
          <cell r="M33">
            <v>1895</v>
          </cell>
          <cell r="N33">
            <v>1928</v>
          </cell>
          <cell r="O33">
            <v>1949</v>
          </cell>
          <cell r="P33">
            <v>1950</v>
          </cell>
          <cell r="Q33">
            <v>1941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3282</v>
          </cell>
          <cell r="H105">
            <v>3427</v>
          </cell>
          <cell r="I105">
            <v>3492</v>
          </cell>
          <cell r="J105">
            <v>3498</v>
          </cell>
          <cell r="K105">
            <v>3593</v>
          </cell>
          <cell r="L105">
            <v>3637</v>
          </cell>
          <cell r="M105">
            <v>3674</v>
          </cell>
          <cell r="N105">
            <v>3765</v>
          </cell>
          <cell r="O105">
            <v>3816</v>
          </cell>
          <cell r="P105">
            <v>3826</v>
          </cell>
          <cell r="Q105">
            <v>3866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3431</v>
          </cell>
          <cell r="H151">
            <v>3506</v>
          </cell>
          <cell r="I151">
            <v>3650</v>
          </cell>
          <cell r="J151">
            <v>3646</v>
          </cell>
          <cell r="K151">
            <v>3666</v>
          </cell>
          <cell r="L151">
            <v>3725</v>
          </cell>
          <cell r="M151">
            <v>3789</v>
          </cell>
          <cell r="N151">
            <v>3835</v>
          </cell>
          <cell r="O151">
            <v>3895</v>
          </cell>
          <cell r="P151">
            <v>3894</v>
          </cell>
          <cell r="Q151">
            <v>3957</v>
          </cell>
        </row>
      </sheetData>
      <sheetData sheetId="66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22860</v>
          </cell>
          <cell r="H26">
            <v>22768</v>
          </cell>
          <cell r="I26">
            <v>22341</v>
          </cell>
          <cell r="J26">
            <v>22135</v>
          </cell>
          <cell r="K26">
            <v>22021</v>
          </cell>
          <cell r="L26">
            <v>21913</v>
          </cell>
          <cell r="M26">
            <v>21794</v>
          </cell>
          <cell r="N26">
            <v>21653</v>
          </cell>
          <cell r="O26">
            <v>21529</v>
          </cell>
          <cell r="P26">
            <v>21353</v>
          </cell>
          <cell r="Q26">
            <v>21227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3240</v>
          </cell>
          <cell r="H31">
            <v>3024</v>
          </cell>
          <cell r="I31">
            <v>2718</v>
          </cell>
          <cell r="J31">
            <v>2619</v>
          </cell>
          <cell r="K31">
            <v>2513</v>
          </cell>
          <cell r="L31">
            <v>2442</v>
          </cell>
          <cell r="M31">
            <v>2415</v>
          </cell>
          <cell r="N31">
            <v>2378</v>
          </cell>
          <cell r="O31">
            <v>2344</v>
          </cell>
          <cell r="P31">
            <v>2338</v>
          </cell>
          <cell r="Q31">
            <v>2310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14628</v>
          </cell>
          <cell r="H32">
            <v>14061</v>
          </cell>
          <cell r="I32">
            <v>13222</v>
          </cell>
          <cell r="J32">
            <v>13019</v>
          </cell>
          <cell r="K32">
            <v>12963</v>
          </cell>
          <cell r="L32">
            <v>12853</v>
          </cell>
          <cell r="M32">
            <v>12685</v>
          </cell>
          <cell r="N32">
            <v>12513</v>
          </cell>
          <cell r="O32">
            <v>12412</v>
          </cell>
          <cell r="P32">
            <v>12232</v>
          </cell>
          <cell r="Q32">
            <v>1214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4992</v>
          </cell>
          <cell r="H33">
            <v>5683</v>
          </cell>
          <cell r="I33">
            <v>6401</v>
          </cell>
          <cell r="J33">
            <v>6497</v>
          </cell>
          <cell r="K33">
            <v>6545</v>
          </cell>
          <cell r="L33">
            <v>6618</v>
          </cell>
          <cell r="M33">
            <v>6694</v>
          </cell>
          <cell r="N33">
            <v>6762</v>
          </cell>
          <cell r="O33">
            <v>6773</v>
          </cell>
          <cell r="P33">
            <v>6783</v>
          </cell>
          <cell r="Q33">
            <v>6772</v>
          </cell>
        </row>
        <row r="105"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1194</v>
          </cell>
          <cell r="H105">
            <v>11203</v>
          </cell>
          <cell r="I105">
            <v>10911</v>
          </cell>
          <cell r="J105">
            <v>10817</v>
          </cell>
          <cell r="K105">
            <v>10803</v>
          </cell>
          <cell r="L105">
            <v>10743</v>
          </cell>
          <cell r="M105">
            <v>10661</v>
          </cell>
          <cell r="N105">
            <v>10618</v>
          </cell>
          <cell r="O105">
            <v>10551</v>
          </cell>
          <cell r="P105">
            <v>10464</v>
          </cell>
          <cell r="Q105">
            <v>10405</v>
          </cell>
        </row>
        <row r="151"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1666</v>
          </cell>
          <cell r="H151">
            <v>11565</v>
          </cell>
          <cell r="I151">
            <v>11430</v>
          </cell>
          <cell r="J151">
            <v>11318</v>
          </cell>
          <cell r="K151">
            <v>11218</v>
          </cell>
          <cell r="L151">
            <v>11170</v>
          </cell>
          <cell r="M151">
            <v>11133</v>
          </cell>
          <cell r="N151">
            <v>11035</v>
          </cell>
          <cell r="O151">
            <v>10978</v>
          </cell>
          <cell r="P151">
            <v>10889</v>
          </cell>
          <cell r="Q151">
            <v>10822</v>
          </cell>
        </row>
      </sheetData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2F136FD-6CCF-4B15-A180-C8AF73543BA4}">
  <sheetPr codeName="Sheet56"/>
  <dimension ref="A1:U168"/>
  <sheetViews>
    <sheetView tabSelected="1"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0</v>
      </c>
      <c r="H5" s="8">
        <f t="shared" si="0"/>
        <v>7</v>
      </c>
      <c r="I5" s="8">
        <f t="shared" si="0"/>
        <v>10</v>
      </c>
      <c r="J5" s="8">
        <f t="shared" si="0"/>
        <v>9</v>
      </c>
      <c r="K5" s="8">
        <f t="shared" si="0"/>
        <v>10</v>
      </c>
      <c r="L5" s="8">
        <f t="shared" si="0"/>
        <v>8</v>
      </c>
      <c r="M5" s="8">
        <f t="shared" si="0"/>
        <v>6</v>
      </c>
      <c r="N5" s="8">
        <f t="shared" si="0"/>
        <v>3</v>
      </c>
      <c r="O5" s="8">
        <f t="shared" si="0"/>
        <v>4</v>
      </c>
      <c r="P5" s="8">
        <f t="shared" si="0"/>
        <v>2</v>
      </c>
      <c r="Q5" s="8">
        <f t="shared" si="0"/>
        <v>0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4</v>
      </c>
      <c r="H6" s="8">
        <f t="shared" si="0"/>
        <v>18</v>
      </c>
      <c r="I6" s="8">
        <f t="shared" si="0"/>
        <v>6</v>
      </c>
      <c r="J6" s="8">
        <f t="shared" si="0"/>
        <v>7</v>
      </c>
      <c r="K6" s="8">
        <f t="shared" si="0"/>
        <v>8</v>
      </c>
      <c r="L6" s="8">
        <f t="shared" si="0"/>
        <v>10</v>
      </c>
      <c r="M6" s="8">
        <f t="shared" si="0"/>
        <v>9</v>
      </c>
      <c r="N6" s="8">
        <f t="shared" si="0"/>
        <v>10</v>
      </c>
      <c r="O6" s="8">
        <f t="shared" si="0"/>
        <v>8</v>
      </c>
      <c r="P6" s="8">
        <f t="shared" si="0"/>
        <v>11</v>
      </c>
      <c r="Q6" s="8">
        <f t="shared" si="0"/>
        <v>10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5</v>
      </c>
      <c r="H7" s="8">
        <f t="shared" si="0"/>
        <v>14</v>
      </c>
      <c r="I7" s="8">
        <f t="shared" si="0"/>
        <v>16</v>
      </c>
      <c r="J7" s="8">
        <f t="shared" si="0"/>
        <v>11</v>
      </c>
      <c r="K7" s="8">
        <f t="shared" si="0"/>
        <v>10</v>
      </c>
      <c r="L7" s="8">
        <f t="shared" si="0"/>
        <v>5</v>
      </c>
      <c r="M7" s="8">
        <f t="shared" si="0"/>
        <v>6</v>
      </c>
      <c r="N7" s="8">
        <f t="shared" si="0"/>
        <v>7</v>
      </c>
      <c r="O7" s="8">
        <f t="shared" si="0"/>
        <v>7</v>
      </c>
      <c r="P7" s="8">
        <f t="shared" si="0"/>
        <v>8</v>
      </c>
      <c r="Q7" s="8">
        <f t="shared" si="0"/>
        <v>10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7</v>
      </c>
      <c r="H8" s="11">
        <f t="shared" si="0"/>
        <v>14</v>
      </c>
      <c r="I8" s="11">
        <f t="shared" si="0"/>
        <v>15</v>
      </c>
      <c r="J8" s="11">
        <f t="shared" si="0"/>
        <v>16</v>
      </c>
      <c r="K8" s="11">
        <f t="shared" si="0"/>
        <v>15</v>
      </c>
      <c r="L8" s="11">
        <f t="shared" si="0"/>
        <v>16</v>
      </c>
      <c r="M8" s="11">
        <f t="shared" si="0"/>
        <v>15</v>
      </c>
      <c r="N8" s="11">
        <f t="shared" si="0"/>
        <v>14</v>
      </c>
      <c r="O8" s="11">
        <f t="shared" si="0"/>
        <v>9</v>
      </c>
      <c r="P8" s="11">
        <f t="shared" si="0"/>
        <v>8</v>
      </c>
      <c r="Q8" s="11">
        <f t="shared" si="0"/>
        <v>4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7</v>
      </c>
      <c r="H9" s="11">
        <f t="shared" si="0"/>
        <v>13</v>
      </c>
      <c r="I9" s="11">
        <f t="shared" si="0"/>
        <v>11</v>
      </c>
      <c r="J9" s="11">
        <f t="shared" si="0"/>
        <v>15</v>
      </c>
      <c r="K9" s="11">
        <f t="shared" si="0"/>
        <v>15</v>
      </c>
      <c r="L9" s="11">
        <f t="shared" si="0"/>
        <v>12</v>
      </c>
      <c r="M9" s="11">
        <f t="shared" si="0"/>
        <v>14</v>
      </c>
      <c r="N9" s="11">
        <f t="shared" si="0"/>
        <v>10</v>
      </c>
      <c r="O9" s="11">
        <f t="shared" si="0"/>
        <v>12</v>
      </c>
      <c r="P9" s="11">
        <f t="shared" si="0"/>
        <v>10</v>
      </c>
      <c r="Q9" s="11">
        <f t="shared" si="0"/>
        <v>11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7</v>
      </c>
      <c r="H10" s="11">
        <f t="shared" si="0"/>
        <v>19</v>
      </c>
      <c r="I10" s="11">
        <f t="shared" si="0"/>
        <v>7</v>
      </c>
      <c r="J10" s="11">
        <f t="shared" si="0"/>
        <v>7</v>
      </c>
      <c r="K10" s="11">
        <f t="shared" si="0"/>
        <v>9</v>
      </c>
      <c r="L10" s="11">
        <f t="shared" si="0"/>
        <v>10</v>
      </c>
      <c r="M10" s="11">
        <f t="shared" si="0"/>
        <v>10</v>
      </c>
      <c r="N10" s="11">
        <f t="shared" si="0"/>
        <v>9</v>
      </c>
      <c r="O10" s="11">
        <f t="shared" si="0"/>
        <v>11</v>
      </c>
      <c r="P10" s="11">
        <f t="shared" si="0"/>
        <v>9</v>
      </c>
      <c r="Q10" s="11">
        <f t="shared" si="0"/>
        <v>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7</v>
      </c>
      <c r="H11" s="11">
        <f t="shared" si="0"/>
        <v>19</v>
      </c>
      <c r="I11" s="11">
        <f t="shared" si="0"/>
        <v>21</v>
      </c>
      <c r="J11" s="11">
        <f t="shared" si="0"/>
        <v>18</v>
      </c>
      <c r="K11" s="11">
        <f t="shared" si="0"/>
        <v>12</v>
      </c>
      <c r="L11" s="11">
        <f t="shared" si="0"/>
        <v>9</v>
      </c>
      <c r="M11" s="11">
        <f t="shared" si="0"/>
        <v>5</v>
      </c>
      <c r="N11" s="11">
        <f t="shared" si="0"/>
        <v>4</v>
      </c>
      <c r="O11" s="11">
        <f t="shared" si="0"/>
        <v>3</v>
      </c>
      <c r="P11" s="11">
        <f t="shared" si="0"/>
        <v>3</v>
      </c>
      <c r="Q11" s="11">
        <f t="shared" si="0"/>
        <v>6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4</v>
      </c>
      <c r="H12" s="11">
        <f t="shared" si="0"/>
        <v>14</v>
      </c>
      <c r="I12" s="11">
        <f t="shared" si="0"/>
        <v>17</v>
      </c>
      <c r="J12" s="11">
        <f t="shared" si="0"/>
        <v>15</v>
      </c>
      <c r="K12" s="11">
        <f t="shared" si="0"/>
        <v>15</v>
      </c>
      <c r="L12" s="11">
        <f t="shared" si="0"/>
        <v>14</v>
      </c>
      <c r="M12" s="11">
        <f t="shared" si="0"/>
        <v>16</v>
      </c>
      <c r="N12" s="11">
        <f t="shared" si="0"/>
        <v>16</v>
      </c>
      <c r="O12" s="11">
        <f t="shared" si="0"/>
        <v>12</v>
      </c>
      <c r="P12" s="11">
        <f t="shared" si="0"/>
        <v>11</v>
      </c>
      <c r="Q12" s="11">
        <f t="shared" si="0"/>
        <v>8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29</v>
      </c>
      <c r="H13" s="11">
        <f t="shared" si="0"/>
        <v>13</v>
      </c>
      <c r="I13" s="11">
        <f t="shared" si="0"/>
        <v>12</v>
      </c>
      <c r="J13" s="11">
        <f t="shared" si="0"/>
        <v>15</v>
      </c>
      <c r="K13" s="11">
        <f t="shared" si="0"/>
        <v>16</v>
      </c>
      <c r="L13" s="11">
        <f t="shared" si="0"/>
        <v>19</v>
      </c>
      <c r="M13" s="11">
        <f t="shared" si="0"/>
        <v>19</v>
      </c>
      <c r="N13" s="11">
        <f t="shared" si="0"/>
        <v>15</v>
      </c>
      <c r="O13" s="11">
        <f t="shared" si="0"/>
        <v>15</v>
      </c>
      <c r="P13" s="11">
        <f t="shared" si="0"/>
        <v>14</v>
      </c>
      <c r="Q13" s="11">
        <f t="shared" si="0"/>
        <v>13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20</v>
      </c>
      <c r="H14" s="11">
        <f t="shared" si="0"/>
        <v>25</v>
      </c>
      <c r="I14" s="11">
        <f t="shared" si="0"/>
        <v>12</v>
      </c>
      <c r="J14" s="11">
        <f t="shared" si="0"/>
        <v>11</v>
      </c>
      <c r="K14" s="11">
        <f t="shared" si="0"/>
        <v>12</v>
      </c>
      <c r="L14" s="11">
        <f t="shared" si="0"/>
        <v>9</v>
      </c>
      <c r="M14" s="11">
        <f t="shared" si="0"/>
        <v>8</v>
      </c>
      <c r="N14" s="11">
        <f t="shared" si="0"/>
        <v>11</v>
      </c>
      <c r="O14" s="11">
        <f t="shared" si="0"/>
        <v>14</v>
      </c>
      <c r="P14" s="11">
        <f t="shared" si="0"/>
        <v>17</v>
      </c>
      <c r="Q14" s="11">
        <f t="shared" si="0"/>
        <v>19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7</v>
      </c>
      <c r="H15" s="11">
        <f t="shared" si="0"/>
        <v>20</v>
      </c>
      <c r="I15" s="11">
        <f t="shared" si="0"/>
        <v>23</v>
      </c>
      <c r="J15" s="11">
        <f t="shared" si="0"/>
        <v>17</v>
      </c>
      <c r="K15" s="11">
        <f t="shared" si="0"/>
        <v>13</v>
      </c>
      <c r="L15" s="11">
        <f t="shared" si="0"/>
        <v>14</v>
      </c>
      <c r="M15" s="11">
        <f t="shared" si="0"/>
        <v>17</v>
      </c>
      <c r="N15" s="11">
        <f t="shared" si="0"/>
        <v>12</v>
      </c>
      <c r="O15" s="11">
        <f t="shared" si="0"/>
        <v>11</v>
      </c>
      <c r="P15" s="11">
        <f t="shared" si="0"/>
        <v>11</v>
      </c>
      <c r="Q15" s="11">
        <f t="shared" si="0"/>
        <v>8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45</v>
      </c>
      <c r="H16" s="11">
        <f t="shared" si="0"/>
        <v>36</v>
      </c>
      <c r="I16" s="11">
        <f t="shared" si="0"/>
        <v>17</v>
      </c>
      <c r="J16" s="11">
        <f t="shared" si="0"/>
        <v>19</v>
      </c>
      <c r="K16" s="11">
        <f t="shared" si="0"/>
        <v>23</v>
      </c>
      <c r="L16" s="11">
        <f t="shared" si="0"/>
        <v>22</v>
      </c>
      <c r="M16" s="11">
        <f t="shared" si="0"/>
        <v>18</v>
      </c>
      <c r="N16" s="11">
        <f t="shared" si="0"/>
        <v>22</v>
      </c>
      <c r="O16" s="11">
        <f t="shared" si="0"/>
        <v>17</v>
      </c>
      <c r="P16" s="11">
        <f t="shared" si="0"/>
        <v>13</v>
      </c>
      <c r="Q16" s="11">
        <f t="shared" si="0"/>
        <v>14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32</v>
      </c>
      <c r="H17" s="11">
        <f t="shared" si="0"/>
        <v>45</v>
      </c>
      <c r="I17" s="11">
        <f t="shared" si="0"/>
        <v>36</v>
      </c>
      <c r="J17" s="11">
        <f t="shared" si="0"/>
        <v>31</v>
      </c>
      <c r="K17" s="11">
        <f t="shared" si="0"/>
        <v>22</v>
      </c>
      <c r="L17" s="11">
        <f t="shared" si="0"/>
        <v>19</v>
      </c>
      <c r="M17" s="11">
        <f t="shared" si="0"/>
        <v>17</v>
      </c>
      <c r="N17" s="11">
        <f t="shared" si="0"/>
        <v>12</v>
      </c>
      <c r="O17" s="11">
        <f t="shared" si="0"/>
        <v>16</v>
      </c>
      <c r="P17" s="11">
        <f t="shared" si="0"/>
        <v>22</v>
      </c>
      <c r="Q17" s="11">
        <f t="shared" si="0"/>
        <v>22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42</v>
      </c>
      <c r="H18" s="14">
        <f t="shared" si="0"/>
        <v>29</v>
      </c>
      <c r="I18" s="14">
        <f t="shared" si="0"/>
        <v>43</v>
      </c>
      <c r="J18" s="14">
        <f t="shared" si="0"/>
        <v>44</v>
      </c>
      <c r="K18" s="14">
        <f t="shared" si="0"/>
        <v>39</v>
      </c>
      <c r="L18" s="14">
        <f t="shared" si="0"/>
        <v>35</v>
      </c>
      <c r="M18" s="14">
        <f t="shared" si="0"/>
        <v>30</v>
      </c>
      <c r="N18" s="14">
        <f t="shared" si="0"/>
        <v>32</v>
      </c>
      <c r="O18" s="14">
        <f t="shared" si="0"/>
        <v>30</v>
      </c>
      <c r="P18" s="14">
        <f t="shared" si="0"/>
        <v>21</v>
      </c>
      <c r="Q18" s="14">
        <f t="shared" si="0"/>
        <v>17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49</v>
      </c>
      <c r="H19" s="14">
        <f t="shared" si="0"/>
        <v>39</v>
      </c>
      <c r="I19" s="14">
        <f t="shared" si="0"/>
        <v>30</v>
      </c>
      <c r="J19" s="14">
        <f t="shared" si="0"/>
        <v>21</v>
      </c>
      <c r="K19" s="14">
        <f t="shared" si="0"/>
        <v>29</v>
      </c>
      <c r="L19" s="14">
        <f t="shared" si="0"/>
        <v>32</v>
      </c>
      <c r="M19" s="14">
        <f t="shared" si="0"/>
        <v>37</v>
      </c>
      <c r="N19" s="14">
        <f t="shared" si="0"/>
        <v>38</v>
      </c>
      <c r="O19" s="14">
        <f t="shared" si="0"/>
        <v>40</v>
      </c>
      <c r="P19" s="14">
        <f t="shared" si="0"/>
        <v>35</v>
      </c>
      <c r="Q19" s="14">
        <f t="shared" si="0"/>
        <v>3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45</v>
      </c>
      <c r="H20" s="14">
        <f t="shared" si="0"/>
        <v>40</v>
      </c>
      <c r="I20" s="14">
        <f t="shared" si="0"/>
        <v>37</v>
      </c>
      <c r="J20" s="14">
        <f t="shared" si="0"/>
        <v>31</v>
      </c>
      <c r="K20" s="14">
        <f t="shared" si="0"/>
        <v>24</v>
      </c>
      <c r="L20" s="14">
        <f t="shared" si="0"/>
        <v>25</v>
      </c>
      <c r="M20" s="14">
        <f t="shared" si="0"/>
        <v>24</v>
      </c>
      <c r="N20" s="14">
        <f t="shared" si="0"/>
        <v>26</v>
      </c>
      <c r="O20" s="14">
        <f t="shared" si="0"/>
        <v>21</v>
      </c>
      <c r="P20" s="14">
        <f t="shared" si="0"/>
        <v>27</v>
      </c>
      <c r="Q20" s="14">
        <f t="shared" si="0"/>
        <v>32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31</v>
      </c>
      <c r="H21" s="14">
        <f t="shared" si="1"/>
        <v>36</v>
      </c>
      <c r="I21" s="14">
        <f t="shared" si="1"/>
        <v>33</v>
      </c>
      <c r="J21" s="14">
        <f t="shared" si="1"/>
        <v>39</v>
      </c>
      <c r="K21" s="14">
        <f t="shared" si="1"/>
        <v>46</v>
      </c>
      <c r="L21" s="14">
        <f t="shared" si="1"/>
        <v>38</v>
      </c>
      <c r="M21" s="14">
        <f t="shared" si="1"/>
        <v>37</v>
      </c>
      <c r="N21" s="14">
        <f t="shared" si="1"/>
        <v>31</v>
      </c>
      <c r="O21" s="14">
        <f t="shared" si="1"/>
        <v>25</v>
      </c>
      <c r="P21" s="14">
        <f t="shared" si="1"/>
        <v>20</v>
      </c>
      <c r="Q21" s="14">
        <f t="shared" si="1"/>
        <v>2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0</v>
      </c>
      <c r="H22" s="14">
        <f t="shared" si="1"/>
        <v>24</v>
      </c>
      <c r="I22" s="14">
        <f t="shared" si="1"/>
        <v>24</v>
      </c>
      <c r="J22" s="14">
        <f t="shared" si="1"/>
        <v>25</v>
      </c>
      <c r="K22" s="14">
        <f t="shared" si="1"/>
        <v>22</v>
      </c>
      <c r="L22" s="14">
        <f t="shared" si="1"/>
        <v>27</v>
      </c>
      <c r="M22" s="14">
        <f t="shared" si="1"/>
        <v>24</v>
      </c>
      <c r="N22" s="14">
        <f t="shared" si="1"/>
        <v>24</v>
      </c>
      <c r="O22" s="14">
        <f t="shared" si="1"/>
        <v>34</v>
      </c>
      <c r="P22" s="14">
        <f t="shared" si="1"/>
        <v>37</v>
      </c>
      <c r="Q22" s="14">
        <f t="shared" si="1"/>
        <v>29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1</v>
      </c>
      <c r="H23" s="14">
        <f t="shared" si="1"/>
        <v>13</v>
      </c>
      <c r="I23" s="14">
        <f t="shared" si="1"/>
        <v>10</v>
      </c>
      <c r="J23" s="14">
        <f t="shared" si="1"/>
        <v>12</v>
      </c>
      <c r="K23" s="14">
        <f t="shared" si="1"/>
        <v>9</v>
      </c>
      <c r="L23" s="14">
        <f t="shared" si="1"/>
        <v>8</v>
      </c>
      <c r="M23" s="14">
        <f t="shared" si="1"/>
        <v>13</v>
      </c>
      <c r="N23" s="14">
        <f t="shared" si="1"/>
        <v>14</v>
      </c>
      <c r="O23" s="14">
        <f t="shared" si="1"/>
        <v>15</v>
      </c>
      <c r="P23" s="14">
        <f t="shared" si="1"/>
        <v>16</v>
      </c>
      <c r="Q23" s="14">
        <f t="shared" si="1"/>
        <v>1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3</v>
      </c>
      <c r="H24" s="14">
        <f t="shared" si="1"/>
        <v>4</v>
      </c>
      <c r="I24" s="14">
        <f t="shared" si="1"/>
        <v>3</v>
      </c>
      <c r="J24" s="14">
        <f t="shared" si="1"/>
        <v>3</v>
      </c>
      <c r="K24" s="14">
        <f t="shared" si="1"/>
        <v>3</v>
      </c>
      <c r="L24" s="14">
        <f t="shared" si="1"/>
        <v>3</v>
      </c>
      <c r="M24" s="14">
        <f t="shared" si="1"/>
        <v>3</v>
      </c>
      <c r="N24" s="14">
        <f t="shared" si="1"/>
        <v>5</v>
      </c>
      <c r="O24" s="14">
        <f t="shared" si="1"/>
        <v>3</v>
      </c>
      <c r="P24" s="14">
        <f t="shared" si="1"/>
        <v>2</v>
      </c>
      <c r="Q24" s="14">
        <f t="shared" si="1"/>
        <v>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2</v>
      </c>
      <c r="J25" s="14">
        <f t="shared" si="1"/>
        <v>1</v>
      </c>
      <c r="K25" s="14">
        <f t="shared" si="1"/>
        <v>0</v>
      </c>
      <c r="L25" s="14">
        <f t="shared" si="1"/>
        <v>1</v>
      </c>
      <c r="M25" s="14">
        <f t="shared" si="1"/>
        <v>1</v>
      </c>
      <c r="N25" s="14">
        <f t="shared" si="1"/>
        <v>1</v>
      </c>
      <c r="O25" s="14">
        <f t="shared" si="1"/>
        <v>2</v>
      </c>
      <c r="P25" s="14">
        <f t="shared" si="1"/>
        <v>2</v>
      </c>
      <c r="Q25" s="14">
        <f t="shared" si="1"/>
        <v>1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515</v>
      </c>
      <c r="H26" s="17">
        <f>SUM(H5:H25)</f>
        <v>443</v>
      </c>
      <c r="I26" s="17">
        <f t="shared" ref="I26:N26" si="2">SUM(I5:I25)</f>
        <v>385</v>
      </c>
      <c r="J26" s="17">
        <f t="shared" si="2"/>
        <v>367</v>
      </c>
      <c r="K26" s="17">
        <f t="shared" si="2"/>
        <v>352</v>
      </c>
      <c r="L26" s="17">
        <f t="shared" si="2"/>
        <v>336</v>
      </c>
      <c r="M26" s="17">
        <f t="shared" si="2"/>
        <v>329</v>
      </c>
      <c r="N26" s="17">
        <f t="shared" si="2"/>
        <v>316</v>
      </c>
      <c r="O26" s="17">
        <f>SUM(O5:O25)</f>
        <v>309</v>
      </c>
      <c r="P26" s="17">
        <f>SUM(P5:P25)</f>
        <v>299</v>
      </c>
      <c r="Q26" s="17">
        <f>SUM(Q5:Q25)</f>
        <v>278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49</v>
      </c>
      <c r="H31" s="21">
        <f t="shared" si="3"/>
        <v>39</v>
      </c>
      <c r="I31" s="21">
        <f t="shared" si="3"/>
        <v>32</v>
      </c>
      <c r="J31" s="21">
        <f t="shared" si="3"/>
        <v>27</v>
      </c>
      <c r="K31" s="21">
        <f t="shared" si="3"/>
        <v>28</v>
      </c>
      <c r="L31" s="21">
        <f t="shared" si="3"/>
        <v>23</v>
      </c>
      <c r="M31" s="21">
        <f t="shared" si="3"/>
        <v>21</v>
      </c>
      <c r="N31" s="21">
        <f t="shared" si="3"/>
        <v>20</v>
      </c>
      <c r="O31" s="21">
        <f t="shared" si="3"/>
        <v>19</v>
      </c>
      <c r="P31" s="21">
        <f t="shared" si="3"/>
        <v>21</v>
      </c>
      <c r="Q31" s="21">
        <f t="shared" si="3"/>
        <v>20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65</v>
      </c>
      <c r="H32" s="22">
        <f t="shared" si="4"/>
        <v>218</v>
      </c>
      <c r="I32" s="22">
        <f t="shared" si="4"/>
        <v>171</v>
      </c>
      <c r="J32" s="22">
        <f t="shared" si="4"/>
        <v>164</v>
      </c>
      <c r="K32" s="22">
        <f t="shared" si="4"/>
        <v>152</v>
      </c>
      <c r="L32" s="22">
        <f t="shared" si="4"/>
        <v>144</v>
      </c>
      <c r="M32" s="22">
        <f t="shared" si="4"/>
        <v>139</v>
      </c>
      <c r="N32" s="22">
        <f t="shared" si="4"/>
        <v>125</v>
      </c>
      <c r="O32" s="22">
        <f t="shared" si="4"/>
        <v>120</v>
      </c>
      <c r="P32" s="22">
        <f t="shared" si="4"/>
        <v>118</v>
      </c>
      <c r="Q32" s="22">
        <f t="shared" si="4"/>
        <v>111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201</v>
      </c>
      <c r="H33" s="23">
        <f t="shared" si="5"/>
        <v>186</v>
      </c>
      <c r="I33" s="23">
        <f t="shared" si="5"/>
        <v>182</v>
      </c>
      <c r="J33" s="23">
        <f t="shared" si="5"/>
        <v>176</v>
      </c>
      <c r="K33" s="23">
        <f t="shared" si="5"/>
        <v>172</v>
      </c>
      <c r="L33" s="23">
        <f t="shared" si="5"/>
        <v>169</v>
      </c>
      <c r="M33" s="23">
        <f t="shared" si="5"/>
        <v>169</v>
      </c>
      <c r="N33" s="23">
        <f t="shared" si="5"/>
        <v>171</v>
      </c>
      <c r="O33" s="23">
        <f t="shared" si="5"/>
        <v>170</v>
      </c>
      <c r="P33" s="23">
        <f t="shared" si="5"/>
        <v>160</v>
      </c>
      <c r="Q33" s="23">
        <f t="shared" si="5"/>
        <v>147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515</v>
      </c>
      <c r="H34" s="24">
        <f>SUM(H31:H33)</f>
        <v>443</v>
      </c>
      <c r="I34" s="24">
        <f t="shared" ref="I34:N34" si="6">SUM(I31:I33)</f>
        <v>385</v>
      </c>
      <c r="J34" s="24">
        <f t="shared" si="6"/>
        <v>367</v>
      </c>
      <c r="K34" s="24">
        <f t="shared" si="6"/>
        <v>352</v>
      </c>
      <c r="L34" s="24">
        <f t="shared" si="6"/>
        <v>336</v>
      </c>
      <c r="M34" s="24">
        <f t="shared" si="6"/>
        <v>329</v>
      </c>
      <c r="N34" s="24">
        <f t="shared" si="6"/>
        <v>316</v>
      </c>
      <c r="O34" s="24">
        <f>SUM(O31:O33)</f>
        <v>309</v>
      </c>
      <c r="P34" s="24">
        <f>SUM(P31:P33)</f>
        <v>299</v>
      </c>
      <c r="Q34" s="24">
        <f>SUM(Q31:Q33)</f>
        <v>278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9.5</v>
      </c>
      <c r="H39" s="33">
        <f t="shared" si="7"/>
        <v>8.8000000000000007</v>
      </c>
      <c r="I39" s="33">
        <f t="shared" si="7"/>
        <v>8.3000000000000007</v>
      </c>
      <c r="J39" s="33">
        <f t="shared" si="7"/>
        <v>7.4</v>
      </c>
      <c r="K39" s="33">
        <f t="shared" si="7"/>
        <v>8</v>
      </c>
      <c r="L39" s="33">
        <f t="shared" si="7"/>
        <v>6.8</v>
      </c>
      <c r="M39" s="33">
        <f t="shared" si="7"/>
        <v>6.4</v>
      </c>
      <c r="N39" s="33">
        <f t="shared" si="7"/>
        <v>6.3</v>
      </c>
      <c r="O39" s="33">
        <f t="shared" si="7"/>
        <v>6.1</v>
      </c>
      <c r="P39" s="33">
        <f t="shared" si="7"/>
        <v>7</v>
      </c>
      <c r="Q39" s="33">
        <f t="shared" si="7"/>
        <v>7.2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1.5</v>
      </c>
      <c r="H40" s="35">
        <f t="shared" si="8"/>
        <v>49.2</v>
      </c>
      <c r="I40" s="35">
        <f t="shared" si="8"/>
        <v>44.4</v>
      </c>
      <c r="J40" s="35">
        <f t="shared" si="8"/>
        <v>44.7</v>
      </c>
      <c r="K40" s="35">
        <f t="shared" si="8"/>
        <v>43.2</v>
      </c>
      <c r="L40" s="35">
        <f t="shared" si="8"/>
        <v>42.9</v>
      </c>
      <c r="M40" s="35">
        <f t="shared" si="8"/>
        <v>42.2</v>
      </c>
      <c r="N40" s="35">
        <f t="shared" si="8"/>
        <v>39.6</v>
      </c>
      <c r="O40" s="35">
        <f t="shared" si="8"/>
        <v>38.799999999999997</v>
      </c>
      <c r="P40" s="35">
        <f t="shared" si="8"/>
        <v>39.5</v>
      </c>
      <c r="Q40" s="35">
        <f t="shared" si="8"/>
        <v>39.9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9</v>
      </c>
      <c r="H41" s="37">
        <f t="shared" si="9"/>
        <v>42</v>
      </c>
      <c r="I41" s="37">
        <f t="shared" si="9"/>
        <v>47.3</v>
      </c>
      <c r="J41" s="37">
        <f t="shared" si="9"/>
        <v>48</v>
      </c>
      <c r="K41" s="37">
        <f t="shared" si="9"/>
        <v>48.9</v>
      </c>
      <c r="L41" s="37">
        <f t="shared" si="9"/>
        <v>50.3</v>
      </c>
      <c r="M41" s="37">
        <f t="shared" si="9"/>
        <v>51.4</v>
      </c>
      <c r="N41" s="37">
        <f t="shared" si="9"/>
        <v>54.1</v>
      </c>
      <c r="O41" s="37">
        <f t="shared" si="9"/>
        <v>55</v>
      </c>
      <c r="P41" s="37">
        <f t="shared" si="9"/>
        <v>53.5</v>
      </c>
      <c r="Q41" s="37">
        <f t="shared" si="9"/>
        <v>52.9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3</v>
      </c>
      <c r="H84" s="8">
        <v>2</v>
      </c>
      <c r="I84" s="8">
        <v>7</v>
      </c>
      <c r="J84" s="8">
        <v>6</v>
      </c>
      <c r="K84" s="8">
        <v>7</v>
      </c>
      <c r="L84" s="8">
        <v>6</v>
      </c>
      <c r="M84" s="8">
        <v>5</v>
      </c>
      <c r="N84" s="8">
        <v>2</v>
      </c>
      <c r="O84" s="8">
        <v>3</v>
      </c>
      <c r="P84" s="8">
        <v>2</v>
      </c>
      <c r="Q84" s="8">
        <v>0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7</v>
      </c>
      <c r="H85" s="8">
        <v>11</v>
      </c>
      <c r="I85" s="8">
        <v>2</v>
      </c>
      <c r="J85" s="8">
        <v>5</v>
      </c>
      <c r="K85" s="8">
        <v>5</v>
      </c>
      <c r="L85" s="8">
        <v>6</v>
      </c>
      <c r="M85" s="8">
        <v>6</v>
      </c>
      <c r="N85" s="8">
        <v>7</v>
      </c>
      <c r="O85" s="8">
        <v>5</v>
      </c>
      <c r="P85" s="8">
        <v>8</v>
      </c>
      <c r="Q85" s="8">
        <v>8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7</v>
      </c>
      <c r="H86" s="8">
        <v>8</v>
      </c>
      <c r="I86" s="8">
        <v>11</v>
      </c>
      <c r="J86" s="8">
        <v>6</v>
      </c>
      <c r="K86" s="8">
        <v>5</v>
      </c>
      <c r="L86" s="8">
        <v>3</v>
      </c>
      <c r="M86" s="8">
        <v>2</v>
      </c>
      <c r="N86" s="8">
        <v>3</v>
      </c>
      <c r="O86" s="8">
        <v>5</v>
      </c>
      <c r="P86" s="8">
        <v>5</v>
      </c>
      <c r="Q86" s="8">
        <v>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7</v>
      </c>
      <c r="H87" s="11">
        <v>7</v>
      </c>
      <c r="I87" s="11">
        <v>8</v>
      </c>
      <c r="J87" s="11">
        <v>9</v>
      </c>
      <c r="K87" s="11">
        <v>9</v>
      </c>
      <c r="L87" s="11">
        <v>8</v>
      </c>
      <c r="M87" s="11">
        <v>9</v>
      </c>
      <c r="N87" s="11">
        <v>10</v>
      </c>
      <c r="O87" s="11">
        <v>4</v>
      </c>
      <c r="P87" s="11">
        <v>3</v>
      </c>
      <c r="Q87" s="11">
        <v>2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5</v>
      </c>
      <c r="H88" s="11">
        <v>6</v>
      </c>
      <c r="I88" s="11">
        <v>5</v>
      </c>
      <c r="J88" s="11">
        <v>7</v>
      </c>
      <c r="K88" s="11">
        <v>7</v>
      </c>
      <c r="L88" s="11">
        <v>7</v>
      </c>
      <c r="M88" s="11">
        <v>8</v>
      </c>
      <c r="N88" s="11">
        <v>6</v>
      </c>
      <c r="O88" s="11">
        <v>7</v>
      </c>
      <c r="P88" s="11">
        <v>6</v>
      </c>
      <c r="Q88" s="11">
        <v>5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3</v>
      </c>
      <c r="H89" s="11">
        <v>11</v>
      </c>
      <c r="I89" s="11">
        <v>5</v>
      </c>
      <c r="J89" s="11">
        <v>6</v>
      </c>
      <c r="K89" s="11">
        <v>6</v>
      </c>
      <c r="L89" s="11">
        <v>6</v>
      </c>
      <c r="M89" s="11">
        <v>5</v>
      </c>
      <c r="N89" s="11">
        <v>4</v>
      </c>
      <c r="O89" s="11">
        <v>6</v>
      </c>
      <c r="P89" s="11">
        <v>5</v>
      </c>
      <c r="Q89" s="11">
        <v>4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0</v>
      </c>
      <c r="H90" s="11">
        <v>10</v>
      </c>
      <c r="I90" s="11">
        <v>10</v>
      </c>
      <c r="J90" s="11">
        <v>10</v>
      </c>
      <c r="K90" s="11">
        <v>7</v>
      </c>
      <c r="L90" s="11">
        <v>7</v>
      </c>
      <c r="M90" s="11">
        <v>3</v>
      </c>
      <c r="N90" s="11">
        <v>3</v>
      </c>
      <c r="O90" s="11">
        <v>2</v>
      </c>
      <c r="P90" s="11">
        <v>3</v>
      </c>
      <c r="Q90" s="11">
        <v>5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8</v>
      </c>
      <c r="H91" s="11">
        <v>9</v>
      </c>
      <c r="I91" s="11">
        <v>8</v>
      </c>
      <c r="J91" s="11">
        <v>6</v>
      </c>
      <c r="K91" s="11">
        <v>6</v>
      </c>
      <c r="L91" s="11">
        <v>6</v>
      </c>
      <c r="M91" s="11">
        <v>8</v>
      </c>
      <c r="N91" s="11">
        <v>8</v>
      </c>
      <c r="O91" s="11">
        <v>8</v>
      </c>
      <c r="P91" s="11">
        <v>6</v>
      </c>
      <c r="Q91" s="11">
        <v>5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7</v>
      </c>
      <c r="H92" s="11">
        <v>7</v>
      </c>
      <c r="I92" s="11">
        <v>8</v>
      </c>
      <c r="J92" s="11">
        <v>9</v>
      </c>
      <c r="K92" s="11">
        <v>9</v>
      </c>
      <c r="L92" s="11">
        <v>9</v>
      </c>
      <c r="M92" s="11">
        <v>9</v>
      </c>
      <c r="N92" s="11">
        <v>7</v>
      </c>
      <c r="O92" s="11">
        <v>6</v>
      </c>
      <c r="P92" s="11">
        <v>6</v>
      </c>
      <c r="Q92" s="11">
        <v>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1</v>
      </c>
      <c r="H93" s="11">
        <v>15</v>
      </c>
      <c r="I93" s="11">
        <v>7</v>
      </c>
      <c r="J93" s="11">
        <v>6</v>
      </c>
      <c r="K93" s="11">
        <v>6</v>
      </c>
      <c r="L93" s="11">
        <v>5</v>
      </c>
      <c r="M93" s="11">
        <v>4</v>
      </c>
      <c r="N93" s="11">
        <v>7</v>
      </c>
      <c r="O93" s="11">
        <v>9</v>
      </c>
      <c r="P93" s="11">
        <v>10</v>
      </c>
      <c r="Q93" s="11">
        <v>10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1</v>
      </c>
      <c r="H94" s="11">
        <v>11</v>
      </c>
      <c r="I94" s="11">
        <v>12</v>
      </c>
      <c r="J94" s="11">
        <v>9</v>
      </c>
      <c r="K94" s="11">
        <v>7</v>
      </c>
      <c r="L94" s="11">
        <v>7</v>
      </c>
      <c r="M94" s="11">
        <v>9</v>
      </c>
      <c r="N94" s="11">
        <v>7</v>
      </c>
      <c r="O94" s="11">
        <v>6</v>
      </c>
      <c r="P94" s="11">
        <v>6</v>
      </c>
      <c r="Q94" s="11">
        <v>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3</v>
      </c>
      <c r="H95" s="11">
        <v>20</v>
      </c>
      <c r="I95" s="11">
        <v>8</v>
      </c>
      <c r="J95" s="11">
        <v>12</v>
      </c>
      <c r="K95" s="11">
        <v>14</v>
      </c>
      <c r="L95" s="11">
        <v>14</v>
      </c>
      <c r="M95" s="11">
        <v>11</v>
      </c>
      <c r="N95" s="11">
        <v>11</v>
      </c>
      <c r="O95" s="11">
        <v>9</v>
      </c>
      <c r="P95" s="11">
        <v>7</v>
      </c>
      <c r="Q95" s="11">
        <v>7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4</v>
      </c>
      <c r="H96" s="11">
        <v>22</v>
      </c>
      <c r="I96" s="11">
        <v>20</v>
      </c>
      <c r="J96" s="11">
        <v>14</v>
      </c>
      <c r="K96" s="11">
        <v>11</v>
      </c>
      <c r="L96" s="11">
        <v>9</v>
      </c>
      <c r="M96" s="11">
        <v>9</v>
      </c>
      <c r="N96" s="11">
        <v>7</v>
      </c>
      <c r="O96" s="11">
        <v>10</v>
      </c>
      <c r="P96" s="11">
        <v>13</v>
      </c>
      <c r="Q96" s="11">
        <v>14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5</v>
      </c>
      <c r="H97" s="14">
        <v>13</v>
      </c>
      <c r="I97" s="14">
        <v>21</v>
      </c>
      <c r="J97" s="14">
        <v>22</v>
      </c>
      <c r="K97" s="14">
        <v>18</v>
      </c>
      <c r="L97" s="14">
        <v>17</v>
      </c>
      <c r="M97" s="14">
        <v>13</v>
      </c>
      <c r="N97" s="14">
        <v>15</v>
      </c>
      <c r="O97" s="14">
        <v>12</v>
      </c>
      <c r="P97" s="14">
        <v>9</v>
      </c>
      <c r="Q97" s="14">
        <v>8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22</v>
      </c>
      <c r="H98" s="14">
        <v>14</v>
      </c>
      <c r="I98" s="14">
        <v>13</v>
      </c>
      <c r="J98" s="14">
        <v>9</v>
      </c>
      <c r="K98" s="14">
        <v>13</v>
      </c>
      <c r="L98" s="14">
        <v>14</v>
      </c>
      <c r="M98" s="14">
        <v>18</v>
      </c>
      <c r="N98" s="14">
        <v>19</v>
      </c>
      <c r="O98" s="14">
        <v>20</v>
      </c>
      <c r="P98" s="14">
        <v>16</v>
      </c>
      <c r="Q98" s="14">
        <v>15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3</v>
      </c>
      <c r="H99" s="14">
        <v>15</v>
      </c>
      <c r="I99" s="14">
        <v>14</v>
      </c>
      <c r="J99" s="14">
        <v>12</v>
      </c>
      <c r="K99" s="14">
        <v>11</v>
      </c>
      <c r="L99" s="14">
        <v>13</v>
      </c>
      <c r="M99" s="14">
        <v>9</v>
      </c>
      <c r="N99" s="14">
        <v>10</v>
      </c>
      <c r="O99" s="14">
        <v>9</v>
      </c>
      <c r="P99" s="14">
        <v>12</v>
      </c>
      <c r="Q99" s="14">
        <v>14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0</v>
      </c>
      <c r="H100" s="14">
        <v>17</v>
      </c>
      <c r="I100" s="14">
        <v>11</v>
      </c>
      <c r="J100" s="14">
        <v>11</v>
      </c>
      <c r="K100" s="14">
        <v>12</v>
      </c>
      <c r="L100" s="14">
        <v>9</v>
      </c>
      <c r="M100" s="14">
        <v>14</v>
      </c>
      <c r="N100" s="14">
        <v>10</v>
      </c>
      <c r="O100" s="14">
        <v>9</v>
      </c>
      <c r="P100" s="14">
        <v>9</v>
      </c>
      <c r="Q100" s="14">
        <v>10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6</v>
      </c>
      <c r="H101" s="14">
        <v>6</v>
      </c>
      <c r="I101" s="14">
        <v>9</v>
      </c>
      <c r="J101" s="14">
        <v>10</v>
      </c>
      <c r="K101" s="14">
        <v>8</v>
      </c>
      <c r="L101" s="14">
        <v>10</v>
      </c>
      <c r="M101" s="14">
        <v>7</v>
      </c>
      <c r="N101" s="14">
        <v>8</v>
      </c>
      <c r="O101" s="14">
        <v>10</v>
      </c>
      <c r="P101" s="14">
        <v>10</v>
      </c>
      <c r="Q101" s="14">
        <v>7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</v>
      </c>
      <c r="H102" s="14">
        <v>6</v>
      </c>
      <c r="I102" s="14">
        <v>2</v>
      </c>
      <c r="J102" s="14">
        <v>3</v>
      </c>
      <c r="K102" s="14">
        <v>2</v>
      </c>
      <c r="L102" s="14">
        <v>2</v>
      </c>
      <c r="M102" s="14">
        <v>4</v>
      </c>
      <c r="N102" s="14">
        <v>4</v>
      </c>
      <c r="O102" s="14">
        <v>5</v>
      </c>
      <c r="P102" s="14">
        <v>4</v>
      </c>
      <c r="Q102" s="14">
        <v>3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1</v>
      </c>
      <c r="J103" s="14">
        <v>1</v>
      </c>
      <c r="K103" s="14">
        <v>1</v>
      </c>
      <c r="L103" s="14">
        <v>0</v>
      </c>
      <c r="M103" s="14">
        <v>0</v>
      </c>
      <c r="N103" s="14">
        <v>0</v>
      </c>
      <c r="O103" s="14">
        <v>0</v>
      </c>
      <c r="P103" s="14">
        <v>0</v>
      </c>
      <c r="Q103" s="14">
        <v>0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1</v>
      </c>
      <c r="M104" s="14">
        <v>1</v>
      </c>
      <c r="N104" s="14">
        <v>1</v>
      </c>
      <c r="O104" s="14">
        <v>1</v>
      </c>
      <c r="P104" s="14">
        <v>1</v>
      </c>
      <c r="Q104" s="14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246</v>
      </c>
      <c r="H105" s="17">
        <f t="shared" ref="H105:N105" si="10">SUM(H84:H104)</f>
        <v>211</v>
      </c>
      <c r="I105" s="17">
        <f t="shared" si="10"/>
        <v>182</v>
      </c>
      <c r="J105" s="17">
        <f t="shared" si="10"/>
        <v>173</v>
      </c>
      <c r="K105" s="17">
        <f t="shared" si="10"/>
        <v>164</v>
      </c>
      <c r="L105" s="17">
        <f t="shared" si="10"/>
        <v>159</v>
      </c>
      <c r="M105" s="17">
        <f t="shared" si="10"/>
        <v>154</v>
      </c>
      <c r="N105" s="17">
        <f t="shared" si="10"/>
        <v>149</v>
      </c>
      <c r="O105" s="17">
        <f>SUM(O84:O104)</f>
        <v>146</v>
      </c>
      <c r="P105" s="17">
        <f>SUM(P84:P104)</f>
        <v>141</v>
      </c>
      <c r="Q105" s="17">
        <f>SUM(Q84:Q104)</f>
        <v>13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7</v>
      </c>
      <c r="H110" s="8">
        <f t="shared" si="11"/>
        <v>21</v>
      </c>
      <c r="I110" s="8">
        <f t="shared" si="11"/>
        <v>20</v>
      </c>
      <c r="J110" s="8">
        <f t="shared" si="11"/>
        <v>17</v>
      </c>
      <c r="K110" s="8">
        <f t="shared" si="11"/>
        <v>17</v>
      </c>
      <c r="L110" s="8">
        <f t="shared" si="11"/>
        <v>15</v>
      </c>
      <c r="M110" s="8">
        <f t="shared" si="11"/>
        <v>13</v>
      </c>
      <c r="N110" s="8">
        <f t="shared" si="11"/>
        <v>12</v>
      </c>
      <c r="O110" s="8">
        <f t="shared" si="11"/>
        <v>13</v>
      </c>
      <c r="P110" s="8">
        <f t="shared" si="11"/>
        <v>15</v>
      </c>
      <c r="Q110" s="8">
        <v>14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39</v>
      </c>
      <c r="H111" s="11">
        <f t="shared" si="12"/>
        <v>118</v>
      </c>
      <c r="I111" s="11">
        <f t="shared" si="12"/>
        <v>91</v>
      </c>
      <c r="J111" s="11">
        <f t="shared" si="12"/>
        <v>88</v>
      </c>
      <c r="K111" s="11">
        <f t="shared" si="12"/>
        <v>82</v>
      </c>
      <c r="L111" s="11">
        <f t="shared" si="12"/>
        <v>78</v>
      </c>
      <c r="M111" s="11">
        <f t="shared" si="12"/>
        <v>75</v>
      </c>
      <c r="N111" s="11">
        <f t="shared" si="12"/>
        <v>70</v>
      </c>
      <c r="O111" s="11">
        <f t="shared" si="12"/>
        <v>67</v>
      </c>
      <c r="P111" s="11">
        <f t="shared" si="12"/>
        <v>65</v>
      </c>
      <c r="Q111" s="11">
        <v>6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80</v>
      </c>
      <c r="H112" s="14">
        <f t="shared" si="13"/>
        <v>72</v>
      </c>
      <c r="I112" s="14">
        <f t="shared" si="13"/>
        <v>71</v>
      </c>
      <c r="J112" s="14">
        <f t="shared" si="13"/>
        <v>68</v>
      </c>
      <c r="K112" s="14">
        <f t="shared" si="13"/>
        <v>65</v>
      </c>
      <c r="L112" s="14">
        <f t="shared" si="13"/>
        <v>66</v>
      </c>
      <c r="M112" s="14">
        <f t="shared" si="13"/>
        <v>66</v>
      </c>
      <c r="N112" s="14">
        <f t="shared" si="13"/>
        <v>67</v>
      </c>
      <c r="O112" s="14">
        <f t="shared" si="13"/>
        <v>66</v>
      </c>
      <c r="P112" s="14">
        <f t="shared" si="13"/>
        <v>61</v>
      </c>
      <c r="Q112" s="14">
        <v>57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246</v>
      </c>
      <c r="H113" s="17">
        <f t="shared" ref="H113:N113" si="14">SUM(H110:H112)</f>
        <v>211</v>
      </c>
      <c r="I113" s="17">
        <f t="shared" si="14"/>
        <v>182</v>
      </c>
      <c r="J113" s="17">
        <f t="shared" si="14"/>
        <v>173</v>
      </c>
      <c r="K113" s="17">
        <f t="shared" si="14"/>
        <v>164</v>
      </c>
      <c r="L113" s="17">
        <f t="shared" si="14"/>
        <v>159</v>
      </c>
      <c r="M113" s="17">
        <f t="shared" si="14"/>
        <v>154</v>
      </c>
      <c r="N113" s="17">
        <f t="shared" si="14"/>
        <v>149</v>
      </c>
      <c r="O113" s="17">
        <f>SUM(O110:O112)</f>
        <v>146</v>
      </c>
      <c r="P113" s="17">
        <f>SUM(P110:P112)</f>
        <v>141</v>
      </c>
      <c r="Q113" s="17">
        <f>SUM(Q110:Q112)</f>
        <v>13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1</v>
      </c>
      <c r="H118" s="49">
        <f t="shared" si="15"/>
        <v>10</v>
      </c>
      <c r="I118" s="49">
        <f t="shared" si="15"/>
        <v>11</v>
      </c>
      <c r="J118" s="49">
        <f t="shared" si="15"/>
        <v>9.8000000000000007</v>
      </c>
      <c r="K118" s="49">
        <f t="shared" si="15"/>
        <v>10.4</v>
      </c>
      <c r="L118" s="49">
        <f t="shared" si="15"/>
        <v>9.4</v>
      </c>
      <c r="M118" s="49">
        <f t="shared" si="15"/>
        <v>8.4</v>
      </c>
      <c r="N118" s="49">
        <f t="shared" si="15"/>
        <v>8.1</v>
      </c>
      <c r="O118" s="49">
        <f t="shared" si="15"/>
        <v>8.9</v>
      </c>
      <c r="P118" s="49">
        <f t="shared" si="15"/>
        <v>10.6</v>
      </c>
      <c r="Q118" s="49">
        <f t="shared" si="15"/>
        <v>10.4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56.5</v>
      </c>
      <c r="H119" s="50">
        <f t="shared" si="16"/>
        <v>55.9</v>
      </c>
      <c r="I119" s="50">
        <f t="shared" si="16"/>
        <v>50</v>
      </c>
      <c r="J119" s="50">
        <f t="shared" si="16"/>
        <v>50.9</v>
      </c>
      <c r="K119" s="50">
        <f t="shared" si="16"/>
        <v>50</v>
      </c>
      <c r="L119" s="50">
        <f t="shared" si="16"/>
        <v>49.1</v>
      </c>
      <c r="M119" s="50">
        <f t="shared" si="16"/>
        <v>48.7</v>
      </c>
      <c r="N119" s="50">
        <f t="shared" si="16"/>
        <v>47</v>
      </c>
      <c r="O119" s="50">
        <f t="shared" si="16"/>
        <v>45.9</v>
      </c>
      <c r="P119" s="50">
        <f t="shared" si="16"/>
        <v>46.1</v>
      </c>
      <c r="Q119" s="50">
        <f t="shared" si="16"/>
        <v>47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32.5</v>
      </c>
      <c r="H120" s="51">
        <f t="shared" si="17"/>
        <v>34.1</v>
      </c>
      <c r="I120" s="51">
        <f t="shared" si="17"/>
        <v>39</v>
      </c>
      <c r="J120" s="51">
        <f t="shared" si="17"/>
        <v>39.299999999999997</v>
      </c>
      <c r="K120" s="51">
        <f t="shared" si="17"/>
        <v>39.6</v>
      </c>
      <c r="L120" s="51">
        <f t="shared" si="17"/>
        <v>41.5</v>
      </c>
      <c r="M120" s="51">
        <f t="shared" si="17"/>
        <v>42.9</v>
      </c>
      <c r="N120" s="51">
        <f t="shared" si="17"/>
        <v>45</v>
      </c>
      <c r="O120" s="51">
        <f t="shared" si="17"/>
        <v>45.2</v>
      </c>
      <c r="P120" s="51">
        <f t="shared" si="17"/>
        <v>43.3</v>
      </c>
      <c r="Q120" s="51">
        <f t="shared" si="17"/>
        <v>42.5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7</v>
      </c>
      <c r="H130" s="8">
        <v>5</v>
      </c>
      <c r="I130" s="8">
        <v>3</v>
      </c>
      <c r="J130" s="8">
        <v>3</v>
      </c>
      <c r="K130" s="8">
        <v>3</v>
      </c>
      <c r="L130" s="8">
        <v>2</v>
      </c>
      <c r="M130" s="8">
        <v>1</v>
      </c>
      <c r="N130" s="8">
        <v>1</v>
      </c>
      <c r="O130" s="8">
        <v>1</v>
      </c>
      <c r="P130" s="8">
        <v>0</v>
      </c>
      <c r="Q130" s="8">
        <v>0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7</v>
      </c>
      <c r="H131" s="8">
        <v>7</v>
      </c>
      <c r="I131" s="8">
        <v>4</v>
      </c>
      <c r="J131" s="8">
        <v>2</v>
      </c>
      <c r="K131" s="8">
        <v>3</v>
      </c>
      <c r="L131" s="8">
        <v>4</v>
      </c>
      <c r="M131" s="8">
        <v>3</v>
      </c>
      <c r="N131" s="8">
        <v>3</v>
      </c>
      <c r="O131" s="8">
        <v>3</v>
      </c>
      <c r="P131" s="8">
        <v>3</v>
      </c>
      <c r="Q131" s="8">
        <v>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8</v>
      </c>
      <c r="H132" s="8">
        <v>6</v>
      </c>
      <c r="I132" s="8">
        <v>5</v>
      </c>
      <c r="J132" s="8">
        <v>5</v>
      </c>
      <c r="K132" s="8">
        <v>5</v>
      </c>
      <c r="L132" s="8">
        <v>2</v>
      </c>
      <c r="M132" s="8">
        <v>4</v>
      </c>
      <c r="N132" s="8">
        <v>4</v>
      </c>
      <c r="O132" s="8">
        <v>2</v>
      </c>
      <c r="P132" s="8">
        <v>3</v>
      </c>
      <c r="Q132" s="8">
        <v>4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0</v>
      </c>
      <c r="H133" s="11">
        <v>7</v>
      </c>
      <c r="I133" s="11">
        <v>7</v>
      </c>
      <c r="J133" s="11">
        <v>7</v>
      </c>
      <c r="K133" s="11">
        <v>6</v>
      </c>
      <c r="L133" s="11">
        <v>8</v>
      </c>
      <c r="M133" s="11">
        <v>6</v>
      </c>
      <c r="N133" s="11">
        <v>4</v>
      </c>
      <c r="O133" s="11">
        <v>5</v>
      </c>
      <c r="P133" s="11">
        <v>5</v>
      </c>
      <c r="Q133" s="11">
        <v>2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2</v>
      </c>
      <c r="H134" s="11">
        <v>7</v>
      </c>
      <c r="I134" s="11">
        <v>6</v>
      </c>
      <c r="J134" s="11">
        <v>8</v>
      </c>
      <c r="K134" s="11">
        <v>8</v>
      </c>
      <c r="L134" s="11">
        <v>5</v>
      </c>
      <c r="M134" s="11">
        <v>6</v>
      </c>
      <c r="N134" s="11">
        <v>4</v>
      </c>
      <c r="O134" s="11">
        <v>5</v>
      </c>
      <c r="P134" s="11">
        <v>4</v>
      </c>
      <c r="Q134" s="11">
        <v>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4</v>
      </c>
      <c r="H135" s="11">
        <v>8</v>
      </c>
      <c r="I135" s="11">
        <v>2</v>
      </c>
      <c r="J135" s="11">
        <v>1</v>
      </c>
      <c r="K135" s="11">
        <v>3</v>
      </c>
      <c r="L135" s="11">
        <v>4</v>
      </c>
      <c r="M135" s="11">
        <v>5</v>
      </c>
      <c r="N135" s="11">
        <v>5</v>
      </c>
      <c r="O135" s="11">
        <v>5</v>
      </c>
      <c r="P135" s="11">
        <v>4</v>
      </c>
      <c r="Q135" s="11">
        <v>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7</v>
      </c>
      <c r="H136" s="11">
        <v>9</v>
      </c>
      <c r="I136" s="11">
        <v>11</v>
      </c>
      <c r="J136" s="11">
        <v>8</v>
      </c>
      <c r="K136" s="11">
        <v>5</v>
      </c>
      <c r="L136" s="11">
        <v>2</v>
      </c>
      <c r="M136" s="11">
        <v>2</v>
      </c>
      <c r="N136" s="11">
        <v>1</v>
      </c>
      <c r="O136" s="11">
        <v>1</v>
      </c>
      <c r="P136" s="11">
        <v>0</v>
      </c>
      <c r="Q136" s="11">
        <v>1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6</v>
      </c>
      <c r="H137" s="11">
        <v>5</v>
      </c>
      <c r="I137" s="11">
        <v>9</v>
      </c>
      <c r="J137" s="11">
        <v>9</v>
      </c>
      <c r="K137" s="11">
        <v>9</v>
      </c>
      <c r="L137" s="11">
        <v>8</v>
      </c>
      <c r="M137" s="11">
        <v>8</v>
      </c>
      <c r="N137" s="11">
        <v>8</v>
      </c>
      <c r="O137" s="11">
        <v>4</v>
      </c>
      <c r="P137" s="11">
        <v>5</v>
      </c>
      <c r="Q137" s="11">
        <v>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2</v>
      </c>
      <c r="H138" s="11">
        <v>6</v>
      </c>
      <c r="I138" s="11">
        <v>4</v>
      </c>
      <c r="J138" s="11">
        <v>6</v>
      </c>
      <c r="K138" s="11">
        <v>7</v>
      </c>
      <c r="L138" s="11">
        <v>10</v>
      </c>
      <c r="M138" s="11">
        <v>10</v>
      </c>
      <c r="N138" s="11">
        <v>8</v>
      </c>
      <c r="O138" s="11">
        <v>9</v>
      </c>
      <c r="P138" s="11">
        <v>8</v>
      </c>
      <c r="Q138" s="11">
        <v>7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9</v>
      </c>
      <c r="H139" s="11">
        <v>10</v>
      </c>
      <c r="I139" s="11">
        <v>5</v>
      </c>
      <c r="J139" s="11">
        <v>5</v>
      </c>
      <c r="K139" s="11">
        <v>6</v>
      </c>
      <c r="L139" s="11">
        <v>4</v>
      </c>
      <c r="M139" s="11">
        <v>4</v>
      </c>
      <c r="N139" s="11">
        <v>4</v>
      </c>
      <c r="O139" s="11">
        <v>5</v>
      </c>
      <c r="P139" s="11">
        <v>7</v>
      </c>
      <c r="Q139" s="11">
        <v>9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6</v>
      </c>
      <c r="H140" s="11">
        <v>9</v>
      </c>
      <c r="I140" s="11">
        <v>11</v>
      </c>
      <c r="J140" s="11">
        <v>8</v>
      </c>
      <c r="K140" s="11">
        <v>6</v>
      </c>
      <c r="L140" s="11">
        <v>7</v>
      </c>
      <c r="M140" s="11">
        <v>8</v>
      </c>
      <c r="N140" s="11">
        <v>5</v>
      </c>
      <c r="O140" s="11">
        <v>5</v>
      </c>
      <c r="P140" s="11">
        <v>5</v>
      </c>
      <c r="Q140" s="11">
        <v>3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2</v>
      </c>
      <c r="H141" s="11">
        <v>16</v>
      </c>
      <c r="I141" s="11">
        <v>9</v>
      </c>
      <c r="J141" s="11">
        <v>7</v>
      </c>
      <c r="K141" s="11">
        <v>9</v>
      </c>
      <c r="L141" s="11">
        <v>8</v>
      </c>
      <c r="M141" s="11">
        <v>7</v>
      </c>
      <c r="N141" s="11">
        <v>11</v>
      </c>
      <c r="O141" s="11">
        <v>8</v>
      </c>
      <c r="P141" s="11">
        <v>6</v>
      </c>
      <c r="Q141" s="11">
        <v>7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8</v>
      </c>
      <c r="H142" s="11">
        <v>23</v>
      </c>
      <c r="I142" s="11">
        <v>16</v>
      </c>
      <c r="J142" s="11">
        <v>17</v>
      </c>
      <c r="K142" s="11">
        <v>11</v>
      </c>
      <c r="L142" s="11">
        <v>10</v>
      </c>
      <c r="M142" s="11">
        <v>8</v>
      </c>
      <c r="N142" s="11">
        <v>5</v>
      </c>
      <c r="O142" s="11">
        <v>6</v>
      </c>
      <c r="P142" s="11">
        <v>9</v>
      </c>
      <c r="Q142" s="11">
        <v>8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27</v>
      </c>
      <c r="H143" s="14">
        <v>16</v>
      </c>
      <c r="I143" s="14">
        <v>22</v>
      </c>
      <c r="J143" s="14">
        <v>22</v>
      </c>
      <c r="K143" s="14">
        <v>21</v>
      </c>
      <c r="L143" s="14">
        <v>18</v>
      </c>
      <c r="M143" s="14">
        <v>17</v>
      </c>
      <c r="N143" s="14">
        <v>17</v>
      </c>
      <c r="O143" s="14">
        <v>18</v>
      </c>
      <c r="P143" s="14">
        <v>12</v>
      </c>
      <c r="Q143" s="14">
        <v>9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27</v>
      </c>
      <c r="H144" s="14">
        <v>25</v>
      </c>
      <c r="I144" s="14">
        <v>17</v>
      </c>
      <c r="J144" s="14">
        <v>12</v>
      </c>
      <c r="K144" s="14">
        <v>16</v>
      </c>
      <c r="L144" s="14">
        <v>18</v>
      </c>
      <c r="M144" s="14">
        <v>19</v>
      </c>
      <c r="N144" s="14">
        <v>19</v>
      </c>
      <c r="O144" s="14">
        <v>20</v>
      </c>
      <c r="P144" s="14">
        <v>19</v>
      </c>
      <c r="Q144" s="14">
        <v>17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2</v>
      </c>
      <c r="H145" s="14">
        <v>25</v>
      </c>
      <c r="I145" s="14">
        <v>23</v>
      </c>
      <c r="J145" s="14">
        <v>19</v>
      </c>
      <c r="K145" s="14">
        <v>13</v>
      </c>
      <c r="L145" s="14">
        <v>12</v>
      </c>
      <c r="M145" s="14">
        <v>15</v>
      </c>
      <c r="N145" s="14">
        <v>16</v>
      </c>
      <c r="O145" s="14">
        <v>12</v>
      </c>
      <c r="P145" s="14">
        <v>15</v>
      </c>
      <c r="Q145" s="14">
        <v>1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21</v>
      </c>
      <c r="H146" s="14">
        <v>19</v>
      </c>
      <c r="I146" s="14">
        <v>22</v>
      </c>
      <c r="J146" s="14">
        <v>28</v>
      </c>
      <c r="K146" s="14">
        <v>34</v>
      </c>
      <c r="L146" s="14">
        <v>29</v>
      </c>
      <c r="M146" s="14">
        <v>23</v>
      </c>
      <c r="N146" s="14">
        <v>21</v>
      </c>
      <c r="O146" s="14">
        <v>16</v>
      </c>
      <c r="P146" s="14">
        <v>11</v>
      </c>
      <c r="Q146" s="14">
        <v>10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4</v>
      </c>
      <c r="H147" s="14">
        <v>18</v>
      </c>
      <c r="I147" s="14">
        <v>15</v>
      </c>
      <c r="J147" s="14">
        <v>15</v>
      </c>
      <c r="K147" s="14">
        <v>14</v>
      </c>
      <c r="L147" s="14">
        <v>17</v>
      </c>
      <c r="M147" s="14">
        <v>17</v>
      </c>
      <c r="N147" s="14">
        <v>16</v>
      </c>
      <c r="O147" s="14">
        <v>24</v>
      </c>
      <c r="P147" s="14">
        <v>27</v>
      </c>
      <c r="Q147" s="14">
        <v>22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7</v>
      </c>
      <c r="H148" s="14">
        <v>7</v>
      </c>
      <c r="I148" s="14">
        <v>8</v>
      </c>
      <c r="J148" s="14">
        <v>9</v>
      </c>
      <c r="K148" s="14">
        <v>7</v>
      </c>
      <c r="L148" s="14">
        <v>6</v>
      </c>
      <c r="M148" s="14">
        <v>9</v>
      </c>
      <c r="N148" s="14">
        <v>10</v>
      </c>
      <c r="O148" s="14">
        <v>10</v>
      </c>
      <c r="P148" s="14">
        <v>12</v>
      </c>
      <c r="Q148" s="14">
        <v>1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</v>
      </c>
      <c r="H149" s="14">
        <v>3</v>
      </c>
      <c r="I149" s="14">
        <v>2</v>
      </c>
      <c r="J149" s="14">
        <v>2</v>
      </c>
      <c r="K149" s="14">
        <v>2</v>
      </c>
      <c r="L149" s="14">
        <v>3</v>
      </c>
      <c r="M149" s="14">
        <v>3</v>
      </c>
      <c r="N149" s="14">
        <v>5</v>
      </c>
      <c r="O149" s="14">
        <v>3</v>
      </c>
      <c r="P149" s="14">
        <v>2</v>
      </c>
      <c r="Q149" s="14">
        <v>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2</v>
      </c>
      <c r="J150" s="14">
        <v>1</v>
      </c>
      <c r="K150" s="14">
        <v>0</v>
      </c>
      <c r="L150" s="14">
        <v>0</v>
      </c>
      <c r="M150" s="14">
        <v>0</v>
      </c>
      <c r="N150" s="14">
        <v>0</v>
      </c>
      <c r="O150" s="14">
        <v>1</v>
      </c>
      <c r="P150" s="14">
        <v>1</v>
      </c>
      <c r="Q150" s="14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269</v>
      </c>
      <c r="H151" s="17">
        <f t="shared" ref="H151:N151" si="18">SUM(H130:H150)</f>
        <v>232</v>
      </c>
      <c r="I151" s="17">
        <f t="shared" si="18"/>
        <v>203</v>
      </c>
      <c r="J151" s="17">
        <f t="shared" si="18"/>
        <v>194</v>
      </c>
      <c r="K151" s="17">
        <f t="shared" si="18"/>
        <v>188</v>
      </c>
      <c r="L151" s="17">
        <f t="shared" si="18"/>
        <v>177</v>
      </c>
      <c r="M151" s="17">
        <f t="shared" si="18"/>
        <v>175</v>
      </c>
      <c r="N151" s="17">
        <f t="shared" si="18"/>
        <v>167</v>
      </c>
      <c r="O151" s="17">
        <f>SUM(O130:O150)</f>
        <v>163</v>
      </c>
      <c r="P151" s="17">
        <f>SUM(P130:P150)</f>
        <v>158</v>
      </c>
      <c r="Q151" s="17">
        <f>SUM(Q130:Q150)</f>
        <v>144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22</v>
      </c>
      <c r="H156" s="8">
        <f t="shared" si="19"/>
        <v>18</v>
      </c>
      <c r="I156" s="8">
        <f t="shared" si="19"/>
        <v>12</v>
      </c>
      <c r="J156" s="8">
        <f t="shared" si="19"/>
        <v>10</v>
      </c>
      <c r="K156" s="8">
        <f t="shared" si="19"/>
        <v>11</v>
      </c>
      <c r="L156" s="8">
        <f t="shared" si="19"/>
        <v>8</v>
      </c>
      <c r="M156" s="8">
        <f t="shared" si="19"/>
        <v>8</v>
      </c>
      <c r="N156" s="8">
        <f t="shared" si="19"/>
        <v>8</v>
      </c>
      <c r="O156" s="8">
        <f t="shared" si="19"/>
        <v>6</v>
      </c>
      <c r="P156" s="8">
        <f t="shared" si="19"/>
        <v>6</v>
      </c>
      <c r="Q156" s="8">
        <v>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26</v>
      </c>
      <c r="H157" s="11">
        <f t="shared" si="20"/>
        <v>100</v>
      </c>
      <c r="I157" s="11">
        <f t="shared" si="20"/>
        <v>80</v>
      </c>
      <c r="J157" s="11">
        <f t="shared" si="20"/>
        <v>76</v>
      </c>
      <c r="K157" s="11">
        <f t="shared" si="20"/>
        <v>70</v>
      </c>
      <c r="L157" s="11">
        <f t="shared" si="20"/>
        <v>66</v>
      </c>
      <c r="M157" s="11">
        <f t="shared" si="20"/>
        <v>64</v>
      </c>
      <c r="N157" s="11">
        <f t="shared" si="20"/>
        <v>55</v>
      </c>
      <c r="O157" s="11">
        <f t="shared" si="20"/>
        <v>53</v>
      </c>
      <c r="P157" s="11">
        <f t="shared" si="20"/>
        <v>53</v>
      </c>
      <c r="Q157" s="11">
        <v>48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21</v>
      </c>
      <c r="H158" s="14">
        <f t="shared" si="21"/>
        <v>114</v>
      </c>
      <c r="I158" s="14">
        <f t="shared" si="21"/>
        <v>111</v>
      </c>
      <c r="J158" s="14">
        <f t="shared" si="21"/>
        <v>108</v>
      </c>
      <c r="K158" s="14">
        <f t="shared" si="21"/>
        <v>107</v>
      </c>
      <c r="L158" s="14">
        <f t="shared" si="21"/>
        <v>103</v>
      </c>
      <c r="M158" s="14">
        <f t="shared" si="21"/>
        <v>103</v>
      </c>
      <c r="N158" s="14">
        <f t="shared" si="21"/>
        <v>104</v>
      </c>
      <c r="O158" s="14">
        <f t="shared" si="21"/>
        <v>104</v>
      </c>
      <c r="P158" s="14">
        <f t="shared" si="21"/>
        <v>99</v>
      </c>
      <c r="Q158" s="14">
        <v>90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269</v>
      </c>
      <c r="H159" s="17">
        <f t="shared" ref="H159:N159" si="22">SUM(H156:H158)</f>
        <v>232</v>
      </c>
      <c r="I159" s="17">
        <f t="shared" si="22"/>
        <v>203</v>
      </c>
      <c r="J159" s="17">
        <f t="shared" si="22"/>
        <v>194</v>
      </c>
      <c r="K159" s="17">
        <f t="shared" si="22"/>
        <v>188</v>
      </c>
      <c r="L159" s="17">
        <f t="shared" si="22"/>
        <v>177</v>
      </c>
      <c r="M159" s="17">
        <f t="shared" si="22"/>
        <v>175</v>
      </c>
      <c r="N159" s="17">
        <f t="shared" si="22"/>
        <v>167</v>
      </c>
      <c r="O159" s="17">
        <f>SUM(O156:O158)</f>
        <v>163</v>
      </c>
      <c r="P159" s="17">
        <f>SUM(P156:P158)</f>
        <v>158</v>
      </c>
      <c r="Q159" s="17">
        <f>SUM(Q156:Q158)</f>
        <v>144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8.1999999999999993</v>
      </c>
      <c r="H164" s="49">
        <f t="shared" si="23"/>
        <v>7.8</v>
      </c>
      <c r="I164" s="49">
        <f t="shared" si="23"/>
        <v>5.9</v>
      </c>
      <c r="J164" s="49">
        <f t="shared" si="23"/>
        <v>5.2</v>
      </c>
      <c r="K164" s="49">
        <f t="shared" si="23"/>
        <v>5.9</v>
      </c>
      <c r="L164" s="49">
        <f t="shared" si="23"/>
        <v>4.5</v>
      </c>
      <c r="M164" s="49">
        <f t="shared" si="23"/>
        <v>4.5999999999999996</v>
      </c>
      <c r="N164" s="49">
        <f t="shared" si="23"/>
        <v>4.8</v>
      </c>
      <c r="O164" s="49">
        <f t="shared" si="23"/>
        <v>3.7</v>
      </c>
      <c r="P164" s="49">
        <f t="shared" si="23"/>
        <v>3.8</v>
      </c>
      <c r="Q164" s="49">
        <f t="shared" si="23"/>
        <v>4.2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46.8</v>
      </c>
      <c r="H165" s="50">
        <f t="shared" si="24"/>
        <v>43.1</v>
      </c>
      <c r="I165" s="50">
        <f t="shared" si="24"/>
        <v>39.4</v>
      </c>
      <c r="J165" s="50">
        <f t="shared" si="24"/>
        <v>39.200000000000003</v>
      </c>
      <c r="K165" s="50">
        <f t="shared" si="24"/>
        <v>37.200000000000003</v>
      </c>
      <c r="L165" s="50">
        <f t="shared" si="24"/>
        <v>37.299999999999997</v>
      </c>
      <c r="M165" s="50">
        <f t="shared" si="24"/>
        <v>36.6</v>
      </c>
      <c r="N165" s="50">
        <f t="shared" si="24"/>
        <v>32.9</v>
      </c>
      <c r="O165" s="50">
        <f t="shared" si="24"/>
        <v>32.5</v>
      </c>
      <c r="P165" s="50">
        <f t="shared" si="24"/>
        <v>33.5</v>
      </c>
      <c r="Q165" s="50">
        <f t="shared" si="24"/>
        <v>33.299999999999997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45</v>
      </c>
      <c r="H166" s="51">
        <f t="shared" si="25"/>
        <v>49.1</v>
      </c>
      <c r="I166" s="51">
        <f t="shared" si="25"/>
        <v>54.7</v>
      </c>
      <c r="J166" s="51">
        <f t="shared" si="25"/>
        <v>55.7</v>
      </c>
      <c r="K166" s="51">
        <f t="shared" si="25"/>
        <v>56.9</v>
      </c>
      <c r="L166" s="51">
        <f t="shared" si="25"/>
        <v>58.2</v>
      </c>
      <c r="M166" s="51">
        <f t="shared" si="25"/>
        <v>58.9</v>
      </c>
      <c r="N166" s="51">
        <f t="shared" si="25"/>
        <v>62.3</v>
      </c>
      <c r="O166" s="51">
        <f t="shared" si="25"/>
        <v>63.8</v>
      </c>
      <c r="P166" s="51">
        <f t="shared" si="25"/>
        <v>62.7</v>
      </c>
      <c r="Q166" s="51">
        <f t="shared" si="25"/>
        <v>62.5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8FFC56-5D17-483F-9CA5-364318B854A8}">
  <sheetPr codeName="Sheet57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9</v>
      </c>
      <c r="H5" s="8">
        <f t="shared" si="0"/>
        <v>9</v>
      </c>
      <c r="I5" s="8">
        <f t="shared" si="0"/>
        <v>6</v>
      </c>
      <c r="J5" s="8">
        <f t="shared" si="0"/>
        <v>7</v>
      </c>
      <c r="K5" s="8">
        <f t="shared" si="0"/>
        <v>6</v>
      </c>
      <c r="L5" s="8">
        <f t="shared" si="0"/>
        <v>5</v>
      </c>
      <c r="M5" s="8">
        <f t="shared" si="0"/>
        <v>10</v>
      </c>
      <c r="N5" s="8">
        <f t="shared" si="0"/>
        <v>8</v>
      </c>
      <c r="O5" s="8">
        <f t="shared" si="0"/>
        <v>10</v>
      </c>
      <c r="P5" s="8">
        <f t="shared" si="0"/>
        <v>8</v>
      </c>
      <c r="Q5" s="8">
        <f t="shared" si="0"/>
        <v>9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0</v>
      </c>
      <c r="H6" s="8">
        <f t="shared" si="0"/>
        <v>8</v>
      </c>
      <c r="I6" s="8">
        <f t="shared" si="0"/>
        <v>10</v>
      </c>
      <c r="J6" s="8">
        <f t="shared" si="0"/>
        <v>9</v>
      </c>
      <c r="K6" s="8">
        <f t="shared" si="0"/>
        <v>8</v>
      </c>
      <c r="L6" s="8">
        <f t="shared" si="0"/>
        <v>8</v>
      </c>
      <c r="M6" s="8">
        <f t="shared" si="0"/>
        <v>8</v>
      </c>
      <c r="N6" s="8">
        <f t="shared" si="0"/>
        <v>8</v>
      </c>
      <c r="O6" s="8">
        <f t="shared" si="0"/>
        <v>7</v>
      </c>
      <c r="P6" s="8">
        <f t="shared" si="0"/>
        <v>6</v>
      </c>
      <c r="Q6" s="8">
        <f t="shared" si="0"/>
        <v>6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3</v>
      </c>
      <c r="H7" s="8">
        <f t="shared" si="0"/>
        <v>8</v>
      </c>
      <c r="I7" s="8">
        <f t="shared" si="0"/>
        <v>8</v>
      </c>
      <c r="J7" s="8">
        <f t="shared" si="0"/>
        <v>8</v>
      </c>
      <c r="K7" s="8">
        <f t="shared" si="0"/>
        <v>11</v>
      </c>
      <c r="L7" s="8">
        <f t="shared" si="0"/>
        <v>13</v>
      </c>
      <c r="M7" s="8">
        <f t="shared" si="0"/>
        <v>12</v>
      </c>
      <c r="N7" s="8">
        <f t="shared" si="0"/>
        <v>13</v>
      </c>
      <c r="O7" s="8">
        <f t="shared" si="0"/>
        <v>13</v>
      </c>
      <c r="P7" s="8">
        <f t="shared" si="0"/>
        <v>9</v>
      </c>
      <c r="Q7" s="8">
        <f t="shared" si="0"/>
        <v>8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6</v>
      </c>
      <c r="H8" s="11">
        <f t="shared" si="0"/>
        <v>12</v>
      </c>
      <c r="I8" s="11">
        <f t="shared" si="0"/>
        <v>9</v>
      </c>
      <c r="J8" s="11">
        <f t="shared" si="0"/>
        <v>7</v>
      </c>
      <c r="K8" s="11">
        <f t="shared" si="0"/>
        <v>8</v>
      </c>
      <c r="L8" s="11">
        <f t="shared" si="0"/>
        <v>6</v>
      </c>
      <c r="M8" s="11">
        <f t="shared" si="0"/>
        <v>7</v>
      </c>
      <c r="N8" s="11">
        <f t="shared" si="0"/>
        <v>9</v>
      </c>
      <c r="O8" s="11">
        <f t="shared" si="0"/>
        <v>8</v>
      </c>
      <c r="P8" s="11">
        <f t="shared" si="0"/>
        <v>9</v>
      </c>
      <c r="Q8" s="11">
        <f t="shared" si="0"/>
        <v>12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4</v>
      </c>
      <c r="H9" s="11">
        <f t="shared" si="0"/>
        <v>23</v>
      </c>
      <c r="I9" s="11">
        <f t="shared" si="0"/>
        <v>11</v>
      </c>
      <c r="J9" s="11">
        <f t="shared" si="0"/>
        <v>12</v>
      </c>
      <c r="K9" s="11">
        <f t="shared" si="0"/>
        <v>9</v>
      </c>
      <c r="L9" s="11">
        <f t="shared" si="0"/>
        <v>10</v>
      </c>
      <c r="M9" s="11">
        <f t="shared" si="0"/>
        <v>10</v>
      </c>
      <c r="N9" s="11">
        <f t="shared" si="0"/>
        <v>6</v>
      </c>
      <c r="O9" s="11">
        <f t="shared" si="0"/>
        <v>4</v>
      </c>
      <c r="P9" s="11">
        <f t="shared" si="0"/>
        <v>5</v>
      </c>
      <c r="Q9" s="11">
        <f t="shared" si="0"/>
        <v>1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3</v>
      </c>
      <c r="H10" s="11">
        <f t="shared" si="0"/>
        <v>9</v>
      </c>
      <c r="I10" s="11">
        <f t="shared" si="0"/>
        <v>17</v>
      </c>
      <c r="J10" s="11">
        <f t="shared" si="0"/>
        <v>11</v>
      </c>
      <c r="K10" s="11">
        <f t="shared" si="0"/>
        <v>15</v>
      </c>
      <c r="L10" s="11">
        <f t="shared" si="0"/>
        <v>10</v>
      </c>
      <c r="M10" s="11">
        <f t="shared" si="0"/>
        <v>9</v>
      </c>
      <c r="N10" s="11">
        <f t="shared" si="0"/>
        <v>11</v>
      </c>
      <c r="O10" s="11">
        <f t="shared" si="0"/>
        <v>10</v>
      </c>
      <c r="P10" s="11">
        <f t="shared" si="0"/>
        <v>9</v>
      </c>
      <c r="Q10" s="11">
        <f t="shared" si="0"/>
        <v>10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9</v>
      </c>
      <c r="H11" s="11">
        <f t="shared" si="0"/>
        <v>13</v>
      </c>
      <c r="I11" s="11">
        <f t="shared" si="0"/>
        <v>8</v>
      </c>
      <c r="J11" s="11">
        <f t="shared" si="0"/>
        <v>12</v>
      </c>
      <c r="K11" s="11">
        <f t="shared" si="0"/>
        <v>11</v>
      </c>
      <c r="L11" s="11">
        <f t="shared" si="0"/>
        <v>18</v>
      </c>
      <c r="M11" s="11">
        <f t="shared" si="0"/>
        <v>20</v>
      </c>
      <c r="N11" s="11">
        <f t="shared" si="0"/>
        <v>21</v>
      </c>
      <c r="O11" s="11">
        <f t="shared" si="0"/>
        <v>18</v>
      </c>
      <c r="P11" s="11">
        <f t="shared" si="0"/>
        <v>16</v>
      </c>
      <c r="Q11" s="11">
        <f t="shared" si="0"/>
        <v>8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2</v>
      </c>
      <c r="H12" s="11">
        <f t="shared" si="0"/>
        <v>14</v>
      </c>
      <c r="I12" s="11">
        <f t="shared" si="0"/>
        <v>14</v>
      </c>
      <c r="J12" s="11">
        <f t="shared" si="0"/>
        <v>13</v>
      </c>
      <c r="K12" s="11">
        <f t="shared" si="0"/>
        <v>10</v>
      </c>
      <c r="L12" s="11">
        <f t="shared" si="0"/>
        <v>10</v>
      </c>
      <c r="M12" s="11">
        <f t="shared" si="0"/>
        <v>10</v>
      </c>
      <c r="N12" s="11">
        <f t="shared" si="0"/>
        <v>7</v>
      </c>
      <c r="O12" s="11">
        <f t="shared" si="0"/>
        <v>13</v>
      </c>
      <c r="P12" s="11">
        <f t="shared" si="0"/>
        <v>12</v>
      </c>
      <c r="Q12" s="11">
        <f t="shared" si="0"/>
        <v>20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7</v>
      </c>
      <c r="H13" s="11">
        <f t="shared" si="0"/>
        <v>9</v>
      </c>
      <c r="I13" s="11">
        <f t="shared" si="0"/>
        <v>12</v>
      </c>
      <c r="J13" s="11">
        <f t="shared" si="0"/>
        <v>12</v>
      </c>
      <c r="K13" s="11">
        <f t="shared" si="0"/>
        <v>14</v>
      </c>
      <c r="L13" s="11">
        <f t="shared" si="0"/>
        <v>13</v>
      </c>
      <c r="M13" s="11">
        <f t="shared" si="0"/>
        <v>11</v>
      </c>
      <c r="N13" s="11">
        <f t="shared" si="0"/>
        <v>13</v>
      </c>
      <c r="O13" s="11">
        <f t="shared" si="0"/>
        <v>12</v>
      </c>
      <c r="P13" s="11">
        <f t="shared" si="0"/>
        <v>10</v>
      </c>
      <c r="Q13" s="11">
        <f t="shared" si="0"/>
        <v>12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20</v>
      </c>
      <c r="H14" s="11">
        <f t="shared" si="0"/>
        <v>18</v>
      </c>
      <c r="I14" s="11">
        <f t="shared" si="0"/>
        <v>8</v>
      </c>
      <c r="J14" s="11">
        <f t="shared" si="0"/>
        <v>11</v>
      </c>
      <c r="K14" s="11">
        <f t="shared" si="0"/>
        <v>13</v>
      </c>
      <c r="L14" s="11">
        <f t="shared" si="0"/>
        <v>12</v>
      </c>
      <c r="M14" s="11">
        <f t="shared" si="0"/>
        <v>13</v>
      </c>
      <c r="N14" s="11">
        <f t="shared" si="0"/>
        <v>13</v>
      </c>
      <c r="O14" s="11">
        <f t="shared" si="0"/>
        <v>11</v>
      </c>
      <c r="P14" s="11">
        <f t="shared" si="0"/>
        <v>12</v>
      </c>
      <c r="Q14" s="11">
        <f t="shared" si="0"/>
        <v>1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3</v>
      </c>
      <c r="H15" s="11">
        <f t="shared" si="0"/>
        <v>21</v>
      </c>
      <c r="I15" s="11">
        <f t="shared" si="0"/>
        <v>19</v>
      </c>
      <c r="J15" s="11">
        <f t="shared" si="0"/>
        <v>15</v>
      </c>
      <c r="K15" s="11">
        <f t="shared" si="0"/>
        <v>9</v>
      </c>
      <c r="L15" s="11">
        <f t="shared" si="0"/>
        <v>9</v>
      </c>
      <c r="M15" s="11">
        <f t="shared" si="0"/>
        <v>9</v>
      </c>
      <c r="N15" s="11">
        <f t="shared" si="0"/>
        <v>8</v>
      </c>
      <c r="O15" s="11">
        <f t="shared" si="0"/>
        <v>10</v>
      </c>
      <c r="P15" s="11">
        <f t="shared" si="0"/>
        <v>11</v>
      </c>
      <c r="Q15" s="11">
        <f t="shared" si="0"/>
        <v>1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33</v>
      </c>
      <c r="H16" s="11">
        <f t="shared" si="0"/>
        <v>23</v>
      </c>
      <c r="I16" s="11">
        <f t="shared" si="0"/>
        <v>20</v>
      </c>
      <c r="J16" s="11">
        <f t="shared" si="0"/>
        <v>25</v>
      </c>
      <c r="K16" s="11">
        <f t="shared" si="0"/>
        <v>27</v>
      </c>
      <c r="L16" s="11">
        <f t="shared" si="0"/>
        <v>26</v>
      </c>
      <c r="M16" s="11">
        <f t="shared" si="0"/>
        <v>19</v>
      </c>
      <c r="N16" s="11">
        <f t="shared" si="0"/>
        <v>18</v>
      </c>
      <c r="O16" s="11">
        <f t="shared" si="0"/>
        <v>13</v>
      </c>
      <c r="P16" s="11">
        <f t="shared" si="0"/>
        <v>8</v>
      </c>
      <c r="Q16" s="11">
        <f t="shared" si="0"/>
        <v>9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7</v>
      </c>
      <c r="H17" s="11">
        <f t="shared" si="0"/>
        <v>32</v>
      </c>
      <c r="I17" s="11">
        <f t="shared" si="0"/>
        <v>21</v>
      </c>
      <c r="J17" s="11">
        <f t="shared" si="0"/>
        <v>18</v>
      </c>
      <c r="K17" s="11">
        <f t="shared" si="0"/>
        <v>22</v>
      </c>
      <c r="L17" s="11">
        <f t="shared" si="0"/>
        <v>19</v>
      </c>
      <c r="M17" s="11">
        <f t="shared" si="0"/>
        <v>22</v>
      </c>
      <c r="N17" s="11">
        <f t="shared" si="0"/>
        <v>20</v>
      </c>
      <c r="O17" s="11">
        <f t="shared" si="0"/>
        <v>26</v>
      </c>
      <c r="P17" s="11">
        <f t="shared" si="0"/>
        <v>27</v>
      </c>
      <c r="Q17" s="11">
        <f t="shared" si="0"/>
        <v>2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8</v>
      </c>
      <c r="H18" s="14">
        <f t="shared" si="0"/>
        <v>26</v>
      </c>
      <c r="I18" s="14">
        <f t="shared" si="0"/>
        <v>27</v>
      </c>
      <c r="J18" s="14">
        <f t="shared" si="0"/>
        <v>28</v>
      </c>
      <c r="K18" s="14">
        <f t="shared" si="0"/>
        <v>24</v>
      </c>
      <c r="L18" s="14">
        <f t="shared" si="0"/>
        <v>26</v>
      </c>
      <c r="M18" s="14">
        <f t="shared" si="0"/>
        <v>23</v>
      </c>
      <c r="N18" s="14">
        <f t="shared" si="0"/>
        <v>19</v>
      </c>
      <c r="O18" s="14">
        <f t="shared" si="0"/>
        <v>17</v>
      </c>
      <c r="P18" s="14">
        <f t="shared" si="0"/>
        <v>21</v>
      </c>
      <c r="Q18" s="14">
        <f t="shared" si="0"/>
        <v>19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2</v>
      </c>
      <c r="H19" s="14">
        <f t="shared" si="0"/>
        <v>23</v>
      </c>
      <c r="I19" s="14">
        <f t="shared" si="0"/>
        <v>23</v>
      </c>
      <c r="J19" s="14">
        <f t="shared" si="0"/>
        <v>24</v>
      </c>
      <c r="K19" s="14">
        <f t="shared" si="0"/>
        <v>24</v>
      </c>
      <c r="L19" s="14">
        <f t="shared" si="0"/>
        <v>20</v>
      </c>
      <c r="M19" s="14">
        <f t="shared" si="0"/>
        <v>23</v>
      </c>
      <c r="N19" s="14">
        <f t="shared" si="0"/>
        <v>25</v>
      </c>
      <c r="O19" s="14">
        <f t="shared" si="0"/>
        <v>27</v>
      </c>
      <c r="P19" s="14">
        <f t="shared" si="0"/>
        <v>22</v>
      </c>
      <c r="Q19" s="14">
        <f t="shared" si="0"/>
        <v>2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38</v>
      </c>
      <c r="H20" s="14">
        <f t="shared" si="0"/>
        <v>17</v>
      </c>
      <c r="I20" s="14">
        <f t="shared" si="0"/>
        <v>21</v>
      </c>
      <c r="J20" s="14">
        <f t="shared" si="0"/>
        <v>17</v>
      </c>
      <c r="K20" s="14">
        <f t="shared" si="0"/>
        <v>19</v>
      </c>
      <c r="L20" s="14">
        <f t="shared" si="0"/>
        <v>21</v>
      </c>
      <c r="M20" s="14">
        <f t="shared" si="0"/>
        <v>17</v>
      </c>
      <c r="N20" s="14">
        <f t="shared" si="0"/>
        <v>19</v>
      </c>
      <c r="O20" s="14">
        <f t="shared" si="0"/>
        <v>18</v>
      </c>
      <c r="P20" s="14">
        <f t="shared" si="0"/>
        <v>19</v>
      </c>
      <c r="Q20" s="14">
        <f t="shared" si="0"/>
        <v>17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9</v>
      </c>
      <c r="H21" s="14">
        <f t="shared" si="1"/>
        <v>33</v>
      </c>
      <c r="I21" s="14">
        <f t="shared" si="1"/>
        <v>13</v>
      </c>
      <c r="J21" s="14">
        <f t="shared" si="1"/>
        <v>17</v>
      </c>
      <c r="K21" s="14">
        <f t="shared" si="1"/>
        <v>17</v>
      </c>
      <c r="L21" s="14">
        <f t="shared" si="1"/>
        <v>16</v>
      </c>
      <c r="M21" s="14">
        <f t="shared" si="1"/>
        <v>18</v>
      </c>
      <c r="N21" s="14">
        <f t="shared" si="1"/>
        <v>19</v>
      </c>
      <c r="O21" s="14">
        <f t="shared" si="1"/>
        <v>15</v>
      </c>
      <c r="P21" s="14">
        <f t="shared" si="1"/>
        <v>16</v>
      </c>
      <c r="Q21" s="14">
        <f t="shared" si="1"/>
        <v>1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1</v>
      </c>
      <c r="H22" s="14">
        <f t="shared" si="1"/>
        <v>14</v>
      </c>
      <c r="I22" s="14">
        <f t="shared" si="1"/>
        <v>25</v>
      </c>
      <c r="J22" s="14">
        <f t="shared" si="1"/>
        <v>26</v>
      </c>
      <c r="K22" s="14">
        <f t="shared" si="1"/>
        <v>24</v>
      </c>
      <c r="L22" s="14">
        <f t="shared" si="1"/>
        <v>21</v>
      </c>
      <c r="M22" s="14">
        <f t="shared" si="1"/>
        <v>12</v>
      </c>
      <c r="N22" s="14">
        <f t="shared" si="1"/>
        <v>4</v>
      </c>
      <c r="O22" s="14">
        <f t="shared" si="1"/>
        <v>8</v>
      </c>
      <c r="P22" s="14">
        <f t="shared" si="1"/>
        <v>9</v>
      </c>
      <c r="Q22" s="14">
        <f t="shared" si="1"/>
        <v>11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0</v>
      </c>
      <c r="H23" s="14">
        <f t="shared" si="1"/>
        <v>8</v>
      </c>
      <c r="I23" s="14">
        <f t="shared" si="1"/>
        <v>6</v>
      </c>
      <c r="J23" s="14">
        <f t="shared" si="1"/>
        <v>5</v>
      </c>
      <c r="K23" s="14">
        <f t="shared" si="1"/>
        <v>6</v>
      </c>
      <c r="L23" s="14">
        <f t="shared" si="1"/>
        <v>8</v>
      </c>
      <c r="M23" s="14">
        <f t="shared" si="1"/>
        <v>13</v>
      </c>
      <c r="N23" s="14">
        <f t="shared" si="1"/>
        <v>19</v>
      </c>
      <c r="O23" s="14">
        <f t="shared" si="1"/>
        <v>17</v>
      </c>
      <c r="P23" s="14">
        <f t="shared" si="1"/>
        <v>16</v>
      </c>
      <c r="Q23" s="14">
        <f t="shared" si="1"/>
        <v>16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</v>
      </c>
      <c r="H24" s="14">
        <f t="shared" si="1"/>
        <v>2</v>
      </c>
      <c r="I24" s="14">
        <f t="shared" si="1"/>
        <v>3</v>
      </c>
      <c r="J24" s="14">
        <f t="shared" si="1"/>
        <v>2</v>
      </c>
      <c r="K24" s="14">
        <f t="shared" si="1"/>
        <v>1</v>
      </c>
      <c r="L24" s="14">
        <f t="shared" si="1"/>
        <v>1</v>
      </c>
      <c r="M24" s="14">
        <f t="shared" si="1"/>
        <v>2</v>
      </c>
      <c r="N24" s="14">
        <f t="shared" si="1"/>
        <v>4</v>
      </c>
      <c r="O24" s="14">
        <f t="shared" si="1"/>
        <v>5</v>
      </c>
      <c r="P24" s="14">
        <f t="shared" si="1"/>
        <v>3</v>
      </c>
      <c r="Q24" s="14">
        <f t="shared" si="1"/>
        <v>3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1</v>
      </c>
      <c r="J25" s="14">
        <f t="shared" si="1"/>
        <v>1</v>
      </c>
      <c r="K25" s="14">
        <f t="shared" si="1"/>
        <v>1</v>
      </c>
      <c r="L25" s="14">
        <f t="shared" si="1"/>
        <v>0</v>
      </c>
      <c r="M25" s="14">
        <f t="shared" si="1"/>
        <v>0</v>
      </c>
      <c r="N25" s="14">
        <f t="shared" si="1"/>
        <v>0</v>
      </c>
      <c r="O25" s="14">
        <f t="shared" si="1"/>
        <v>0</v>
      </c>
      <c r="P25" s="14">
        <f t="shared" si="1"/>
        <v>0</v>
      </c>
      <c r="Q25" s="14">
        <f t="shared" si="1"/>
        <v>0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65</v>
      </c>
      <c r="H26" s="17">
        <f>SUM(H5:H25)</f>
        <v>322</v>
      </c>
      <c r="I26" s="17">
        <f t="shared" ref="I26:N26" si="2">SUM(I5:I25)</f>
        <v>282</v>
      </c>
      <c r="J26" s="17">
        <f t="shared" si="2"/>
        <v>280</v>
      </c>
      <c r="K26" s="17">
        <f t="shared" si="2"/>
        <v>279</v>
      </c>
      <c r="L26" s="17">
        <f t="shared" si="2"/>
        <v>272</v>
      </c>
      <c r="M26" s="17">
        <f t="shared" si="2"/>
        <v>268</v>
      </c>
      <c r="N26" s="17">
        <f t="shared" si="2"/>
        <v>264</v>
      </c>
      <c r="O26" s="17">
        <f>SUM(O5:O25)</f>
        <v>262</v>
      </c>
      <c r="P26" s="17">
        <f>SUM(P5:P25)</f>
        <v>248</v>
      </c>
      <c r="Q26" s="17">
        <f>SUM(Q5:Q25)</f>
        <v>249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32</v>
      </c>
      <c r="H31" s="21">
        <f t="shared" si="3"/>
        <v>25</v>
      </c>
      <c r="I31" s="21">
        <f t="shared" si="3"/>
        <v>24</v>
      </c>
      <c r="J31" s="21">
        <f t="shared" si="3"/>
        <v>24</v>
      </c>
      <c r="K31" s="21">
        <f t="shared" si="3"/>
        <v>25</v>
      </c>
      <c r="L31" s="21">
        <f t="shared" si="3"/>
        <v>26</v>
      </c>
      <c r="M31" s="21">
        <f t="shared" si="3"/>
        <v>30</v>
      </c>
      <c r="N31" s="21">
        <f t="shared" si="3"/>
        <v>29</v>
      </c>
      <c r="O31" s="21">
        <f t="shared" si="3"/>
        <v>30</v>
      </c>
      <c r="P31" s="21">
        <f t="shared" si="3"/>
        <v>23</v>
      </c>
      <c r="Q31" s="21">
        <f t="shared" si="3"/>
        <v>23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04</v>
      </c>
      <c r="H32" s="22">
        <f t="shared" si="4"/>
        <v>174</v>
      </c>
      <c r="I32" s="22">
        <f t="shared" si="4"/>
        <v>139</v>
      </c>
      <c r="J32" s="22">
        <f t="shared" si="4"/>
        <v>136</v>
      </c>
      <c r="K32" s="22">
        <f t="shared" si="4"/>
        <v>138</v>
      </c>
      <c r="L32" s="22">
        <f t="shared" si="4"/>
        <v>133</v>
      </c>
      <c r="M32" s="22">
        <f t="shared" si="4"/>
        <v>130</v>
      </c>
      <c r="N32" s="22">
        <f t="shared" si="4"/>
        <v>126</v>
      </c>
      <c r="O32" s="22">
        <f t="shared" si="4"/>
        <v>125</v>
      </c>
      <c r="P32" s="22">
        <f t="shared" si="4"/>
        <v>119</v>
      </c>
      <c r="Q32" s="22">
        <f t="shared" si="4"/>
        <v>120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29</v>
      </c>
      <c r="H33" s="23">
        <f t="shared" si="5"/>
        <v>123</v>
      </c>
      <c r="I33" s="23">
        <f t="shared" si="5"/>
        <v>119</v>
      </c>
      <c r="J33" s="23">
        <f t="shared" si="5"/>
        <v>120</v>
      </c>
      <c r="K33" s="23">
        <f t="shared" si="5"/>
        <v>116</v>
      </c>
      <c r="L33" s="23">
        <f t="shared" si="5"/>
        <v>113</v>
      </c>
      <c r="M33" s="23">
        <f t="shared" si="5"/>
        <v>108</v>
      </c>
      <c r="N33" s="23">
        <f t="shared" si="5"/>
        <v>109</v>
      </c>
      <c r="O33" s="23">
        <f t="shared" si="5"/>
        <v>107</v>
      </c>
      <c r="P33" s="23">
        <f t="shared" si="5"/>
        <v>106</v>
      </c>
      <c r="Q33" s="23">
        <f t="shared" si="5"/>
        <v>106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65</v>
      </c>
      <c r="H34" s="24">
        <f>SUM(H31:H33)</f>
        <v>322</v>
      </c>
      <c r="I34" s="24">
        <f t="shared" ref="I34:N34" si="6">SUM(I31:I33)</f>
        <v>282</v>
      </c>
      <c r="J34" s="24">
        <f t="shared" si="6"/>
        <v>280</v>
      </c>
      <c r="K34" s="24">
        <f t="shared" si="6"/>
        <v>279</v>
      </c>
      <c r="L34" s="24">
        <f t="shared" si="6"/>
        <v>272</v>
      </c>
      <c r="M34" s="24">
        <f t="shared" si="6"/>
        <v>268</v>
      </c>
      <c r="N34" s="24">
        <f t="shared" si="6"/>
        <v>264</v>
      </c>
      <c r="O34" s="24">
        <f>SUM(O31:O33)</f>
        <v>262</v>
      </c>
      <c r="P34" s="24">
        <f>SUM(P31:P33)</f>
        <v>248</v>
      </c>
      <c r="Q34" s="24">
        <f>SUM(Q31:Q33)</f>
        <v>249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8.8000000000000007</v>
      </c>
      <c r="H39" s="33">
        <f t="shared" si="7"/>
        <v>7.8</v>
      </c>
      <c r="I39" s="33">
        <f t="shared" si="7"/>
        <v>8.5</v>
      </c>
      <c r="J39" s="33">
        <f t="shared" si="7"/>
        <v>8.6</v>
      </c>
      <c r="K39" s="33">
        <f t="shared" si="7"/>
        <v>9</v>
      </c>
      <c r="L39" s="33">
        <f t="shared" si="7"/>
        <v>9.6</v>
      </c>
      <c r="M39" s="33">
        <f t="shared" si="7"/>
        <v>11.2</v>
      </c>
      <c r="N39" s="33">
        <f t="shared" si="7"/>
        <v>11</v>
      </c>
      <c r="O39" s="33">
        <f t="shared" si="7"/>
        <v>11.5</v>
      </c>
      <c r="P39" s="33">
        <f t="shared" si="7"/>
        <v>9.3000000000000007</v>
      </c>
      <c r="Q39" s="33">
        <f t="shared" si="7"/>
        <v>9.1999999999999993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5.9</v>
      </c>
      <c r="H40" s="35">
        <f t="shared" si="8"/>
        <v>54</v>
      </c>
      <c r="I40" s="35">
        <f t="shared" si="8"/>
        <v>49.3</v>
      </c>
      <c r="J40" s="35">
        <f t="shared" si="8"/>
        <v>48.6</v>
      </c>
      <c r="K40" s="35">
        <f t="shared" si="8"/>
        <v>49.5</v>
      </c>
      <c r="L40" s="35">
        <f t="shared" si="8"/>
        <v>48.9</v>
      </c>
      <c r="M40" s="35">
        <f t="shared" si="8"/>
        <v>48.5</v>
      </c>
      <c r="N40" s="35">
        <f t="shared" si="8"/>
        <v>47.7</v>
      </c>
      <c r="O40" s="35">
        <f t="shared" si="8"/>
        <v>47.7</v>
      </c>
      <c r="P40" s="35">
        <f t="shared" si="8"/>
        <v>48</v>
      </c>
      <c r="Q40" s="35">
        <f t="shared" si="8"/>
        <v>48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5.299999999999997</v>
      </c>
      <c r="H41" s="37">
        <f t="shared" si="9"/>
        <v>38.200000000000003</v>
      </c>
      <c r="I41" s="37">
        <f t="shared" si="9"/>
        <v>42.2</v>
      </c>
      <c r="J41" s="37">
        <f t="shared" si="9"/>
        <v>42.9</v>
      </c>
      <c r="K41" s="37">
        <f t="shared" si="9"/>
        <v>41.6</v>
      </c>
      <c r="L41" s="37">
        <f t="shared" si="9"/>
        <v>41.5</v>
      </c>
      <c r="M41" s="37">
        <f t="shared" si="9"/>
        <v>40.299999999999997</v>
      </c>
      <c r="N41" s="37">
        <f t="shared" si="9"/>
        <v>41.3</v>
      </c>
      <c r="O41" s="37">
        <f t="shared" si="9"/>
        <v>40.799999999999997</v>
      </c>
      <c r="P41" s="37">
        <f t="shared" si="9"/>
        <v>42.7</v>
      </c>
      <c r="Q41" s="37">
        <f t="shared" si="9"/>
        <v>42.6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5</v>
      </c>
      <c r="H84" s="8">
        <v>3</v>
      </c>
      <c r="I84" s="8">
        <v>4</v>
      </c>
      <c r="J84" s="8">
        <v>4</v>
      </c>
      <c r="K84" s="8">
        <v>4</v>
      </c>
      <c r="L84" s="8">
        <v>2</v>
      </c>
      <c r="M84" s="8">
        <v>5</v>
      </c>
      <c r="N84" s="21">
        <v>3</v>
      </c>
      <c r="O84" s="21">
        <v>6</v>
      </c>
      <c r="P84" s="21">
        <v>5</v>
      </c>
      <c r="Q84" s="21">
        <v>6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4</v>
      </c>
      <c r="H85" s="8">
        <v>4</v>
      </c>
      <c r="I85" s="8">
        <v>3</v>
      </c>
      <c r="J85" s="8">
        <v>3</v>
      </c>
      <c r="K85" s="8">
        <v>4</v>
      </c>
      <c r="L85" s="8">
        <v>6</v>
      </c>
      <c r="M85" s="8">
        <v>6</v>
      </c>
      <c r="N85" s="21">
        <v>5</v>
      </c>
      <c r="O85" s="21">
        <v>5</v>
      </c>
      <c r="P85" s="21">
        <v>4</v>
      </c>
      <c r="Q85" s="21">
        <v>3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8</v>
      </c>
      <c r="H86" s="8">
        <v>4</v>
      </c>
      <c r="I86" s="8">
        <v>4</v>
      </c>
      <c r="J86" s="8">
        <v>4</v>
      </c>
      <c r="K86" s="8">
        <v>5</v>
      </c>
      <c r="L86" s="8">
        <v>5</v>
      </c>
      <c r="M86" s="8">
        <v>5</v>
      </c>
      <c r="N86" s="21">
        <v>6</v>
      </c>
      <c r="O86" s="21">
        <v>6</v>
      </c>
      <c r="P86" s="21">
        <v>5</v>
      </c>
      <c r="Q86" s="21">
        <v>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6</v>
      </c>
      <c r="H87" s="11">
        <v>8</v>
      </c>
      <c r="I87" s="11">
        <v>5</v>
      </c>
      <c r="J87" s="11">
        <v>3</v>
      </c>
      <c r="K87" s="11">
        <v>2</v>
      </c>
      <c r="L87" s="11">
        <v>1</v>
      </c>
      <c r="M87" s="11">
        <v>2</v>
      </c>
      <c r="N87" s="22">
        <v>4</v>
      </c>
      <c r="O87" s="22">
        <v>4</v>
      </c>
      <c r="P87" s="22">
        <v>4</v>
      </c>
      <c r="Q87" s="22">
        <v>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4</v>
      </c>
      <c r="H88" s="11">
        <v>15</v>
      </c>
      <c r="I88" s="11">
        <v>8</v>
      </c>
      <c r="J88" s="11">
        <v>9</v>
      </c>
      <c r="K88" s="11">
        <v>8</v>
      </c>
      <c r="L88" s="11">
        <v>7</v>
      </c>
      <c r="M88" s="11">
        <v>7</v>
      </c>
      <c r="N88" s="22">
        <v>3</v>
      </c>
      <c r="O88" s="22">
        <v>1</v>
      </c>
      <c r="P88" s="22">
        <v>1</v>
      </c>
      <c r="Q88" s="22">
        <v>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8</v>
      </c>
      <c r="H89" s="11">
        <v>3</v>
      </c>
      <c r="I89" s="11">
        <v>11</v>
      </c>
      <c r="J89" s="11">
        <v>7</v>
      </c>
      <c r="K89" s="11">
        <v>10</v>
      </c>
      <c r="L89" s="11">
        <v>6</v>
      </c>
      <c r="M89" s="11">
        <v>5</v>
      </c>
      <c r="N89" s="22">
        <v>9</v>
      </c>
      <c r="O89" s="22">
        <v>8</v>
      </c>
      <c r="P89" s="22">
        <v>8</v>
      </c>
      <c r="Q89" s="22">
        <v>8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1</v>
      </c>
      <c r="H90" s="11">
        <v>8</v>
      </c>
      <c r="I90" s="11">
        <v>3</v>
      </c>
      <c r="J90" s="11">
        <v>4</v>
      </c>
      <c r="K90" s="11">
        <v>5</v>
      </c>
      <c r="L90" s="11">
        <v>11</v>
      </c>
      <c r="M90" s="11">
        <v>11</v>
      </c>
      <c r="N90" s="22">
        <v>11</v>
      </c>
      <c r="O90" s="22">
        <v>10</v>
      </c>
      <c r="P90" s="22">
        <v>9</v>
      </c>
      <c r="Q90" s="22">
        <v>4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6</v>
      </c>
      <c r="H91" s="11">
        <v>7</v>
      </c>
      <c r="I91" s="11">
        <v>7</v>
      </c>
      <c r="J91" s="11">
        <v>8</v>
      </c>
      <c r="K91" s="11">
        <v>7</v>
      </c>
      <c r="L91" s="11">
        <v>6</v>
      </c>
      <c r="M91" s="11">
        <v>5</v>
      </c>
      <c r="N91" s="22">
        <v>3</v>
      </c>
      <c r="O91" s="22">
        <v>6</v>
      </c>
      <c r="P91" s="22">
        <v>6</v>
      </c>
      <c r="Q91" s="22">
        <v>12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8</v>
      </c>
      <c r="H92" s="11">
        <v>4</v>
      </c>
      <c r="I92" s="11">
        <v>6</v>
      </c>
      <c r="J92" s="11">
        <v>5</v>
      </c>
      <c r="K92" s="11">
        <v>7</v>
      </c>
      <c r="L92" s="11">
        <v>7</v>
      </c>
      <c r="M92" s="11">
        <v>6</v>
      </c>
      <c r="N92" s="22">
        <v>7</v>
      </c>
      <c r="O92" s="22">
        <v>7</v>
      </c>
      <c r="P92" s="22">
        <v>7</v>
      </c>
      <c r="Q92" s="22">
        <v>7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5</v>
      </c>
      <c r="H93" s="11">
        <v>9</v>
      </c>
      <c r="I93" s="11">
        <v>3</v>
      </c>
      <c r="J93" s="11">
        <v>5</v>
      </c>
      <c r="K93" s="11">
        <v>5</v>
      </c>
      <c r="L93" s="11">
        <v>6</v>
      </c>
      <c r="M93" s="11">
        <v>7</v>
      </c>
      <c r="N93" s="22">
        <v>7</v>
      </c>
      <c r="O93" s="22">
        <v>5</v>
      </c>
      <c r="P93" s="22">
        <v>6</v>
      </c>
      <c r="Q93" s="22">
        <v>6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2</v>
      </c>
      <c r="H94" s="11">
        <v>14</v>
      </c>
      <c r="I94" s="11">
        <v>9</v>
      </c>
      <c r="J94" s="11">
        <v>6</v>
      </c>
      <c r="K94" s="11">
        <v>4</v>
      </c>
      <c r="L94" s="11">
        <v>3</v>
      </c>
      <c r="M94" s="11">
        <v>3</v>
      </c>
      <c r="N94" s="22">
        <v>2</v>
      </c>
      <c r="O94" s="22">
        <v>4</v>
      </c>
      <c r="P94" s="22">
        <v>3</v>
      </c>
      <c r="Q94" s="22">
        <v>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0</v>
      </c>
      <c r="H95" s="11">
        <v>12</v>
      </c>
      <c r="I95" s="11">
        <v>13</v>
      </c>
      <c r="J95" s="11">
        <v>17</v>
      </c>
      <c r="K95" s="11">
        <v>15</v>
      </c>
      <c r="L95" s="11">
        <v>13</v>
      </c>
      <c r="M95" s="11">
        <v>10</v>
      </c>
      <c r="N95" s="22">
        <v>9</v>
      </c>
      <c r="O95" s="22">
        <v>6</v>
      </c>
      <c r="P95" s="22">
        <v>4</v>
      </c>
      <c r="Q95" s="22">
        <v>3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3</v>
      </c>
      <c r="H96" s="11">
        <v>20</v>
      </c>
      <c r="I96" s="11">
        <v>11</v>
      </c>
      <c r="J96" s="11">
        <v>9</v>
      </c>
      <c r="K96" s="11">
        <v>13</v>
      </c>
      <c r="L96" s="11">
        <v>10</v>
      </c>
      <c r="M96" s="11">
        <v>11</v>
      </c>
      <c r="N96" s="22">
        <v>13</v>
      </c>
      <c r="O96" s="22">
        <v>16</v>
      </c>
      <c r="P96" s="22">
        <v>14</v>
      </c>
      <c r="Q96" s="22">
        <v>13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2</v>
      </c>
      <c r="H97" s="14">
        <v>13</v>
      </c>
      <c r="I97" s="14">
        <v>19</v>
      </c>
      <c r="J97" s="14">
        <v>20</v>
      </c>
      <c r="K97" s="14">
        <v>17</v>
      </c>
      <c r="L97" s="14">
        <v>19</v>
      </c>
      <c r="M97" s="14">
        <v>16</v>
      </c>
      <c r="N97" s="23">
        <v>9</v>
      </c>
      <c r="O97" s="23">
        <v>7</v>
      </c>
      <c r="P97" s="23">
        <v>12</v>
      </c>
      <c r="Q97" s="23">
        <v>10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3</v>
      </c>
      <c r="H98" s="14">
        <v>9</v>
      </c>
      <c r="I98" s="14">
        <v>11</v>
      </c>
      <c r="J98" s="14">
        <v>11</v>
      </c>
      <c r="K98" s="14">
        <v>11</v>
      </c>
      <c r="L98" s="14">
        <v>12</v>
      </c>
      <c r="M98" s="14">
        <v>16</v>
      </c>
      <c r="N98" s="23">
        <v>18</v>
      </c>
      <c r="O98" s="23">
        <v>19</v>
      </c>
      <c r="P98" s="23">
        <v>14</v>
      </c>
      <c r="Q98" s="23">
        <v>14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2</v>
      </c>
      <c r="H99" s="14">
        <v>9</v>
      </c>
      <c r="I99" s="14">
        <v>7</v>
      </c>
      <c r="J99" s="14">
        <v>6</v>
      </c>
      <c r="K99" s="14">
        <v>9</v>
      </c>
      <c r="L99" s="14">
        <v>10</v>
      </c>
      <c r="M99" s="14">
        <v>7</v>
      </c>
      <c r="N99" s="23">
        <v>9</v>
      </c>
      <c r="O99" s="23">
        <v>8</v>
      </c>
      <c r="P99" s="23">
        <v>9</v>
      </c>
      <c r="Q99" s="23">
        <v>10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8</v>
      </c>
      <c r="H100" s="14">
        <v>10</v>
      </c>
      <c r="I100" s="14">
        <v>7</v>
      </c>
      <c r="J100" s="14">
        <v>8</v>
      </c>
      <c r="K100" s="14">
        <v>6</v>
      </c>
      <c r="L100" s="14">
        <v>4</v>
      </c>
      <c r="M100" s="14">
        <v>5</v>
      </c>
      <c r="N100" s="23">
        <v>6</v>
      </c>
      <c r="O100" s="23">
        <v>5</v>
      </c>
      <c r="P100" s="23">
        <v>7</v>
      </c>
      <c r="Q100" s="23">
        <v>7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3</v>
      </c>
      <c r="H101" s="14">
        <v>6</v>
      </c>
      <c r="I101" s="14">
        <v>6</v>
      </c>
      <c r="J101" s="14">
        <v>7</v>
      </c>
      <c r="K101" s="14">
        <v>6</v>
      </c>
      <c r="L101" s="14">
        <v>4</v>
      </c>
      <c r="M101" s="14">
        <v>4</v>
      </c>
      <c r="N101" s="23">
        <v>1</v>
      </c>
      <c r="O101" s="23">
        <v>2</v>
      </c>
      <c r="P101" s="23">
        <v>2</v>
      </c>
      <c r="Q101" s="23">
        <v>2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</v>
      </c>
      <c r="H102" s="14">
        <v>2</v>
      </c>
      <c r="I102" s="14">
        <v>3</v>
      </c>
      <c r="J102" s="14">
        <v>1</v>
      </c>
      <c r="K102" s="14">
        <v>1</v>
      </c>
      <c r="L102" s="14">
        <v>2</v>
      </c>
      <c r="M102" s="14">
        <v>1</v>
      </c>
      <c r="N102" s="23">
        <v>2</v>
      </c>
      <c r="O102" s="23">
        <v>3</v>
      </c>
      <c r="P102" s="23">
        <v>3</v>
      </c>
      <c r="Q102" s="23">
        <v>4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0</v>
      </c>
      <c r="I103" s="14">
        <v>1</v>
      </c>
      <c r="J103" s="14">
        <v>1</v>
      </c>
      <c r="K103" s="14">
        <v>0</v>
      </c>
      <c r="L103" s="14">
        <v>0</v>
      </c>
      <c r="M103" s="14">
        <v>0</v>
      </c>
      <c r="N103" s="23">
        <v>1</v>
      </c>
      <c r="O103" s="23">
        <v>1</v>
      </c>
      <c r="P103" s="23">
        <v>1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80</v>
      </c>
      <c r="H105" s="17">
        <f t="shared" ref="H105:N105" si="10">SUM(H84:H104)</f>
        <v>160</v>
      </c>
      <c r="I105" s="17">
        <f t="shared" si="10"/>
        <v>141</v>
      </c>
      <c r="J105" s="17">
        <f t="shared" si="10"/>
        <v>138</v>
      </c>
      <c r="K105" s="17">
        <f t="shared" si="10"/>
        <v>139</v>
      </c>
      <c r="L105" s="17">
        <f t="shared" si="10"/>
        <v>134</v>
      </c>
      <c r="M105" s="17">
        <f t="shared" si="10"/>
        <v>132</v>
      </c>
      <c r="N105" s="17">
        <f t="shared" si="10"/>
        <v>128</v>
      </c>
      <c r="O105" s="17">
        <f>SUM(O84:O104)</f>
        <v>129</v>
      </c>
      <c r="P105" s="17">
        <f>SUM(P84:P104)</f>
        <v>124</v>
      </c>
      <c r="Q105" s="17">
        <f>SUM(Q84:Q104)</f>
        <v>125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7</v>
      </c>
      <c r="H110" s="8">
        <f t="shared" si="11"/>
        <v>11</v>
      </c>
      <c r="I110" s="8">
        <f t="shared" si="11"/>
        <v>11</v>
      </c>
      <c r="J110" s="8">
        <f t="shared" si="11"/>
        <v>11</v>
      </c>
      <c r="K110" s="8">
        <f t="shared" si="11"/>
        <v>13</v>
      </c>
      <c r="L110" s="8">
        <f t="shared" si="11"/>
        <v>13</v>
      </c>
      <c r="M110" s="8">
        <f t="shared" si="11"/>
        <v>16</v>
      </c>
      <c r="N110" s="8">
        <f t="shared" si="11"/>
        <v>14</v>
      </c>
      <c r="O110" s="8">
        <f t="shared" si="11"/>
        <v>17</v>
      </c>
      <c r="P110" s="8">
        <f t="shared" si="11"/>
        <v>14</v>
      </c>
      <c r="Q110" s="8">
        <v>15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13</v>
      </c>
      <c r="H111" s="11">
        <f t="shared" si="12"/>
        <v>100</v>
      </c>
      <c r="I111" s="11">
        <f t="shared" si="12"/>
        <v>76</v>
      </c>
      <c r="J111" s="11">
        <f t="shared" si="12"/>
        <v>73</v>
      </c>
      <c r="K111" s="11">
        <f t="shared" si="12"/>
        <v>76</v>
      </c>
      <c r="L111" s="11">
        <f t="shared" si="12"/>
        <v>70</v>
      </c>
      <c r="M111" s="11">
        <f t="shared" si="12"/>
        <v>67</v>
      </c>
      <c r="N111" s="11">
        <f t="shared" si="12"/>
        <v>68</v>
      </c>
      <c r="O111" s="11">
        <f t="shared" si="12"/>
        <v>67</v>
      </c>
      <c r="P111" s="11">
        <f t="shared" si="12"/>
        <v>62</v>
      </c>
      <c r="Q111" s="11">
        <v>62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50</v>
      </c>
      <c r="H112" s="14">
        <f t="shared" si="13"/>
        <v>49</v>
      </c>
      <c r="I112" s="14">
        <f t="shared" si="13"/>
        <v>54</v>
      </c>
      <c r="J112" s="14">
        <f t="shared" si="13"/>
        <v>54</v>
      </c>
      <c r="K112" s="14">
        <f t="shared" si="13"/>
        <v>50</v>
      </c>
      <c r="L112" s="14">
        <f t="shared" si="13"/>
        <v>51</v>
      </c>
      <c r="M112" s="14">
        <f t="shared" si="13"/>
        <v>49</v>
      </c>
      <c r="N112" s="14">
        <f t="shared" si="13"/>
        <v>46</v>
      </c>
      <c r="O112" s="14">
        <f t="shared" si="13"/>
        <v>45</v>
      </c>
      <c r="P112" s="14">
        <f t="shared" si="13"/>
        <v>48</v>
      </c>
      <c r="Q112" s="14">
        <v>4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80</v>
      </c>
      <c r="H113" s="17">
        <f t="shared" ref="H113:N113" si="14">SUM(H110:H112)</f>
        <v>160</v>
      </c>
      <c r="I113" s="17">
        <f t="shared" si="14"/>
        <v>141</v>
      </c>
      <c r="J113" s="17">
        <f t="shared" si="14"/>
        <v>138</v>
      </c>
      <c r="K113" s="17">
        <f t="shared" si="14"/>
        <v>139</v>
      </c>
      <c r="L113" s="17">
        <f t="shared" si="14"/>
        <v>134</v>
      </c>
      <c r="M113" s="17">
        <f t="shared" si="14"/>
        <v>132</v>
      </c>
      <c r="N113" s="17">
        <f t="shared" si="14"/>
        <v>128</v>
      </c>
      <c r="O113" s="17">
        <f>SUM(O110:O112)</f>
        <v>129</v>
      </c>
      <c r="P113" s="17">
        <f>SUM(P110:P112)</f>
        <v>124</v>
      </c>
      <c r="Q113" s="17">
        <f>SUM(Q110:Q112)</f>
        <v>125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9.4</v>
      </c>
      <c r="H118" s="49">
        <f t="shared" si="15"/>
        <v>6.9</v>
      </c>
      <c r="I118" s="49">
        <f t="shared" si="15"/>
        <v>7.8</v>
      </c>
      <c r="J118" s="49">
        <f t="shared" si="15"/>
        <v>8</v>
      </c>
      <c r="K118" s="49">
        <f t="shared" si="15"/>
        <v>9.4</v>
      </c>
      <c r="L118" s="49">
        <f t="shared" si="15"/>
        <v>9.6999999999999993</v>
      </c>
      <c r="M118" s="49">
        <f t="shared" si="15"/>
        <v>12.1</v>
      </c>
      <c r="N118" s="49">
        <f t="shared" si="15"/>
        <v>10.9</v>
      </c>
      <c r="O118" s="49">
        <f t="shared" si="15"/>
        <v>13.2</v>
      </c>
      <c r="P118" s="49">
        <f t="shared" si="15"/>
        <v>11.3</v>
      </c>
      <c r="Q118" s="49">
        <f t="shared" si="15"/>
        <v>12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2.8</v>
      </c>
      <c r="H119" s="50">
        <f t="shared" si="16"/>
        <v>62.5</v>
      </c>
      <c r="I119" s="50">
        <f t="shared" si="16"/>
        <v>53.9</v>
      </c>
      <c r="J119" s="50">
        <f t="shared" si="16"/>
        <v>52.9</v>
      </c>
      <c r="K119" s="50">
        <f t="shared" si="16"/>
        <v>54.7</v>
      </c>
      <c r="L119" s="50">
        <f t="shared" si="16"/>
        <v>52.2</v>
      </c>
      <c r="M119" s="50">
        <f t="shared" si="16"/>
        <v>50.8</v>
      </c>
      <c r="N119" s="50">
        <f t="shared" si="16"/>
        <v>53.1</v>
      </c>
      <c r="O119" s="50">
        <f t="shared" si="16"/>
        <v>51.9</v>
      </c>
      <c r="P119" s="50">
        <f t="shared" si="16"/>
        <v>50</v>
      </c>
      <c r="Q119" s="50">
        <f t="shared" si="16"/>
        <v>49.6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7.8</v>
      </c>
      <c r="H120" s="51">
        <f t="shared" si="17"/>
        <v>30.6</v>
      </c>
      <c r="I120" s="51">
        <f t="shared" si="17"/>
        <v>38.299999999999997</v>
      </c>
      <c r="J120" s="51">
        <f t="shared" si="17"/>
        <v>39.1</v>
      </c>
      <c r="K120" s="51">
        <f t="shared" si="17"/>
        <v>36</v>
      </c>
      <c r="L120" s="51">
        <f t="shared" si="17"/>
        <v>38.1</v>
      </c>
      <c r="M120" s="51">
        <f t="shared" si="17"/>
        <v>37.1</v>
      </c>
      <c r="N120" s="51">
        <f t="shared" si="17"/>
        <v>35.9</v>
      </c>
      <c r="O120" s="51">
        <f t="shared" si="17"/>
        <v>34.9</v>
      </c>
      <c r="P120" s="51">
        <f t="shared" si="17"/>
        <v>38.700000000000003</v>
      </c>
      <c r="Q120" s="51">
        <f t="shared" si="17"/>
        <v>38.4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4</v>
      </c>
      <c r="H130" s="8">
        <v>6</v>
      </c>
      <c r="I130" s="8">
        <v>2</v>
      </c>
      <c r="J130" s="8">
        <v>3</v>
      </c>
      <c r="K130" s="8">
        <v>2</v>
      </c>
      <c r="L130" s="8">
        <v>3</v>
      </c>
      <c r="M130" s="8">
        <v>5</v>
      </c>
      <c r="N130" s="21">
        <v>5</v>
      </c>
      <c r="O130" s="21">
        <v>4</v>
      </c>
      <c r="P130" s="21">
        <v>3</v>
      </c>
      <c r="Q130" s="21">
        <v>3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6</v>
      </c>
      <c r="H131" s="8">
        <v>4</v>
      </c>
      <c r="I131" s="8">
        <v>7</v>
      </c>
      <c r="J131" s="8">
        <v>6</v>
      </c>
      <c r="K131" s="8">
        <v>4</v>
      </c>
      <c r="L131" s="8">
        <v>2</v>
      </c>
      <c r="M131" s="8">
        <v>2</v>
      </c>
      <c r="N131" s="21">
        <v>3</v>
      </c>
      <c r="O131" s="21">
        <v>2</v>
      </c>
      <c r="P131" s="21">
        <v>2</v>
      </c>
      <c r="Q131" s="21">
        <v>3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5</v>
      </c>
      <c r="H132" s="8">
        <v>4</v>
      </c>
      <c r="I132" s="8">
        <v>4</v>
      </c>
      <c r="J132" s="8">
        <v>4</v>
      </c>
      <c r="K132" s="8">
        <v>6</v>
      </c>
      <c r="L132" s="8">
        <v>8</v>
      </c>
      <c r="M132" s="8">
        <v>7</v>
      </c>
      <c r="N132" s="21">
        <v>7</v>
      </c>
      <c r="O132" s="21">
        <v>7</v>
      </c>
      <c r="P132" s="21">
        <v>4</v>
      </c>
      <c r="Q132" s="21">
        <v>2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0</v>
      </c>
      <c r="H133" s="11">
        <v>4</v>
      </c>
      <c r="I133" s="11">
        <v>4</v>
      </c>
      <c r="J133" s="11">
        <v>4</v>
      </c>
      <c r="K133" s="11">
        <v>6</v>
      </c>
      <c r="L133" s="11">
        <v>5</v>
      </c>
      <c r="M133" s="11">
        <v>5</v>
      </c>
      <c r="N133" s="22">
        <v>5</v>
      </c>
      <c r="O133" s="22">
        <v>4</v>
      </c>
      <c r="P133" s="22">
        <v>5</v>
      </c>
      <c r="Q133" s="22">
        <v>8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0</v>
      </c>
      <c r="H134" s="11">
        <v>8</v>
      </c>
      <c r="I134" s="11">
        <v>3</v>
      </c>
      <c r="J134" s="11">
        <v>3</v>
      </c>
      <c r="K134" s="11">
        <v>1</v>
      </c>
      <c r="L134" s="11">
        <v>3</v>
      </c>
      <c r="M134" s="11">
        <v>3</v>
      </c>
      <c r="N134" s="22">
        <v>3</v>
      </c>
      <c r="O134" s="22">
        <v>3</v>
      </c>
      <c r="P134" s="22">
        <v>4</v>
      </c>
      <c r="Q134" s="22">
        <v>1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5</v>
      </c>
      <c r="H135" s="11">
        <v>6</v>
      </c>
      <c r="I135" s="11">
        <v>6</v>
      </c>
      <c r="J135" s="11">
        <v>4</v>
      </c>
      <c r="K135" s="11">
        <v>5</v>
      </c>
      <c r="L135" s="11">
        <v>4</v>
      </c>
      <c r="M135" s="11">
        <v>4</v>
      </c>
      <c r="N135" s="22">
        <v>2</v>
      </c>
      <c r="O135" s="22">
        <v>2</v>
      </c>
      <c r="P135" s="22">
        <v>1</v>
      </c>
      <c r="Q135" s="22">
        <v>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8</v>
      </c>
      <c r="H136" s="11">
        <v>5</v>
      </c>
      <c r="I136" s="11">
        <v>5</v>
      </c>
      <c r="J136" s="11">
        <v>8</v>
      </c>
      <c r="K136" s="11">
        <v>6</v>
      </c>
      <c r="L136" s="11">
        <v>7</v>
      </c>
      <c r="M136" s="11">
        <v>9</v>
      </c>
      <c r="N136" s="22">
        <v>10</v>
      </c>
      <c r="O136" s="22">
        <v>8</v>
      </c>
      <c r="P136" s="22">
        <v>7</v>
      </c>
      <c r="Q136" s="22">
        <v>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6</v>
      </c>
      <c r="H137" s="11">
        <v>7</v>
      </c>
      <c r="I137" s="11">
        <v>7</v>
      </c>
      <c r="J137" s="11">
        <v>5</v>
      </c>
      <c r="K137" s="11">
        <v>3</v>
      </c>
      <c r="L137" s="11">
        <v>4</v>
      </c>
      <c r="M137" s="11">
        <v>5</v>
      </c>
      <c r="N137" s="22">
        <v>4</v>
      </c>
      <c r="O137" s="22">
        <v>7</v>
      </c>
      <c r="P137" s="22">
        <v>6</v>
      </c>
      <c r="Q137" s="22">
        <v>8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9</v>
      </c>
      <c r="H138" s="11">
        <v>5</v>
      </c>
      <c r="I138" s="11">
        <v>6</v>
      </c>
      <c r="J138" s="11">
        <v>7</v>
      </c>
      <c r="K138" s="11">
        <v>7</v>
      </c>
      <c r="L138" s="11">
        <v>6</v>
      </c>
      <c r="M138" s="11">
        <v>5</v>
      </c>
      <c r="N138" s="22">
        <v>6</v>
      </c>
      <c r="O138" s="22">
        <v>5</v>
      </c>
      <c r="P138" s="22">
        <v>3</v>
      </c>
      <c r="Q138" s="22">
        <v>5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5</v>
      </c>
      <c r="H139" s="11">
        <v>9</v>
      </c>
      <c r="I139" s="11">
        <v>5</v>
      </c>
      <c r="J139" s="11">
        <v>6</v>
      </c>
      <c r="K139" s="11">
        <v>8</v>
      </c>
      <c r="L139" s="11">
        <v>6</v>
      </c>
      <c r="M139" s="11">
        <v>6</v>
      </c>
      <c r="N139" s="22">
        <v>6</v>
      </c>
      <c r="O139" s="22">
        <v>6</v>
      </c>
      <c r="P139" s="22">
        <v>6</v>
      </c>
      <c r="Q139" s="22">
        <v>5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1</v>
      </c>
      <c r="H140" s="11">
        <v>7</v>
      </c>
      <c r="I140" s="11">
        <v>10</v>
      </c>
      <c r="J140" s="11">
        <v>9</v>
      </c>
      <c r="K140" s="11">
        <v>5</v>
      </c>
      <c r="L140" s="11">
        <v>6</v>
      </c>
      <c r="M140" s="11">
        <v>6</v>
      </c>
      <c r="N140" s="22">
        <v>6</v>
      </c>
      <c r="O140" s="22">
        <v>6</v>
      </c>
      <c r="P140" s="22">
        <v>8</v>
      </c>
      <c r="Q140" s="22">
        <v>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3</v>
      </c>
      <c r="H141" s="11">
        <v>11</v>
      </c>
      <c r="I141" s="11">
        <v>7</v>
      </c>
      <c r="J141" s="11">
        <v>8</v>
      </c>
      <c r="K141" s="11">
        <v>12</v>
      </c>
      <c r="L141" s="11">
        <v>13</v>
      </c>
      <c r="M141" s="11">
        <v>9</v>
      </c>
      <c r="N141" s="22">
        <v>9</v>
      </c>
      <c r="O141" s="22">
        <v>7</v>
      </c>
      <c r="P141" s="22">
        <v>4</v>
      </c>
      <c r="Q141" s="22">
        <v>6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4</v>
      </c>
      <c r="H142" s="11">
        <v>12</v>
      </c>
      <c r="I142" s="11">
        <v>10</v>
      </c>
      <c r="J142" s="11">
        <v>9</v>
      </c>
      <c r="K142" s="11">
        <v>9</v>
      </c>
      <c r="L142" s="11">
        <v>9</v>
      </c>
      <c r="M142" s="11">
        <v>11</v>
      </c>
      <c r="N142" s="22">
        <v>7</v>
      </c>
      <c r="O142" s="22">
        <v>10</v>
      </c>
      <c r="P142" s="22">
        <v>13</v>
      </c>
      <c r="Q142" s="22">
        <v>13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6</v>
      </c>
      <c r="H143" s="14">
        <v>13</v>
      </c>
      <c r="I143" s="14">
        <v>8</v>
      </c>
      <c r="J143" s="14">
        <v>8</v>
      </c>
      <c r="K143" s="14">
        <v>7</v>
      </c>
      <c r="L143" s="14">
        <v>7</v>
      </c>
      <c r="M143" s="14">
        <v>7</v>
      </c>
      <c r="N143" s="23">
        <v>10</v>
      </c>
      <c r="O143" s="23">
        <v>10</v>
      </c>
      <c r="P143" s="23">
        <v>9</v>
      </c>
      <c r="Q143" s="23">
        <v>9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9</v>
      </c>
      <c r="H144" s="14">
        <v>14</v>
      </c>
      <c r="I144" s="14">
        <v>12</v>
      </c>
      <c r="J144" s="14">
        <v>13</v>
      </c>
      <c r="K144" s="14">
        <v>13</v>
      </c>
      <c r="L144" s="14">
        <v>8</v>
      </c>
      <c r="M144" s="14">
        <v>7</v>
      </c>
      <c r="N144" s="23">
        <v>7</v>
      </c>
      <c r="O144" s="23">
        <v>8</v>
      </c>
      <c r="P144" s="23">
        <v>8</v>
      </c>
      <c r="Q144" s="23">
        <v>8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6</v>
      </c>
      <c r="H145" s="14">
        <v>8</v>
      </c>
      <c r="I145" s="14">
        <v>14</v>
      </c>
      <c r="J145" s="14">
        <v>11</v>
      </c>
      <c r="K145" s="14">
        <v>10</v>
      </c>
      <c r="L145" s="14">
        <v>11</v>
      </c>
      <c r="M145" s="14">
        <v>10</v>
      </c>
      <c r="N145" s="23">
        <v>10</v>
      </c>
      <c r="O145" s="23">
        <v>10</v>
      </c>
      <c r="P145" s="23">
        <v>10</v>
      </c>
      <c r="Q145" s="23">
        <v>7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1</v>
      </c>
      <c r="H146" s="14">
        <v>23</v>
      </c>
      <c r="I146" s="14">
        <v>6</v>
      </c>
      <c r="J146" s="14">
        <v>9</v>
      </c>
      <c r="K146" s="14">
        <v>11</v>
      </c>
      <c r="L146" s="14">
        <v>12</v>
      </c>
      <c r="M146" s="14">
        <v>13</v>
      </c>
      <c r="N146" s="23">
        <v>13</v>
      </c>
      <c r="O146" s="23">
        <v>10</v>
      </c>
      <c r="P146" s="23">
        <v>9</v>
      </c>
      <c r="Q146" s="23">
        <v>11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8</v>
      </c>
      <c r="H147" s="14">
        <v>8</v>
      </c>
      <c r="I147" s="14">
        <v>19</v>
      </c>
      <c r="J147" s="14">
        <v>19</v>
      </c>
      <c r="K147" s="14">
        <v>18</v>
      </c>
      <c r="L147" s="14">
        <v>17</v>
      </c>
      <c r="M147" s="14">
        <v>8</v>
      </c>
      <c r="N147" s="23">
        <v>3</v>
      </c>
      <c r="O147" s="23">
        <v>6</v>
      </c>
      <c r="P147" s="23">
        <v>7</v>
      </c>
      <c r="Q147" s="23">
        <v>9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9</v>
      </c>
      <c r="H148" s="14">
        <v>6</v>
      </c>
      <c r="I148" s="14">
        <v>3</v>
      </c>
      <c r="J148" s="14">
        <v>4</v>
      </c>
      <c r="K148" s="14">
        <v>5</v>
      </c>
      <c r="L148" s="14">
        <v>6</v>
      </c>
      <c r="M148" s="14">
        <v>12</v>
      </c>
      <c r="N148" s="23">
        <v>17</v>
      </c>
      <c r="O148" s="23">
        <v>14</v>
      </c>
      <c r="P148" s="23">
        <v>13</v>
      </c>
      <c r="Q148" s="23">
        <v>12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0</v>
      </c>
      <c r="H149" s="14">
        <v>2</v>
      </c>
      <c r="I149" s="14">
        <v>2</v>
      </c>
      <c r="J149" s="14">
        <v>1</v>
      </c>
      <c r="K149" s="14">
        <v>1</v>
      </c>
      <c r="L149" s="14">
        <v>1</v>
      </c>
      <c r="M149" s="14">
        <v>2</v>
      </c>
      <c r="N149" s="23">
        <v>3</v>
      </c>
      <c r="O149" s="23">
        <v>4</v>
      </c>
      <c r="P149" s="23">
        <v>2</v>
      </c>
      <c r="Q149" s="23">
        <v>2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1</v>
      </c>
      <c r="J150" s="14">
        <v>1</v>
      </c>
      <c r="K150" s="14">
        <v>1</v>
      </c>
      <c r="L150" s="14">
        <v>0</v>
      </c>
      <c r="M150" s="14">
        <v>0</v>
      </c>
      <c r="N150" s="23">
        <v>0</v>
      </c>
      <c r="O150" s="23">
        <v>0</v>
      </c>
      <c r="P150" s="23">
        <v>0</v>
      </c>
      <c r="Q150" s="23">
        <v>0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85</v>
      </c>
      <c r="H151" s="17">
        <f t="shared" ref="H151:N151" si="18">SUM(H130:H150)</f>
        <v>162</v>
      </c>
      <c r="I151" s="17">
        <f t="shared" si="18"/>
        <v>141</v>
      </c>
      <c r="J151" s="17">
        <f t="shared" si="18"/>
        <v>142</v>
      </c>
      <c r="K151" s="17">
        <f t="shared" si="18"/>
        <v>140</v>
      </c>
      <c r="L151" s="17">
        <f t="shared" si="18"/>
        <v>138</v>
      </c>
      <c r="M151" s="17">
        <f t="shared" si="18"/>
        <v>136</v>
      </c>
      <c r="N151" s="17">
        <f t="shared" si="18"/>
        <v>136</v>
      </c>
      <c r="O151" s="17">
        <f>SUM(O130:O150)</f>
        <v>133</v>
      </c>
      <c r="P151" s="17">
        <f>SUM(P130:P150)</f>
        <v>124</v>
      </c>
      <c r="Q151" s="17">
        <f>SUM(Q130:Q150)</f>
        <v>124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5</v>
      </c>
      <c r="H156" s="8">
        <f t="shared" si="19"/>
        <v>14</v>
      </c>
      <c r="I156" s="8">
        <f t="shared" si="19"/>
        <v>13</v>
      </c>
      <c r="J156" s="8">
        <f t="shared" si="19"/>
        <v>13</v>
      </c>
      <c r="K156" s="8">
        <f t="shared" si="19"/>
        <v>12</v>
      </c>
      <c r="L156" s="8">
        <f t="shared" si="19"/>
        <v>13</v>
      </c>
      <c r="M156" s="8">
        <f t="shared" si="19"/>
        <v>14</v>
      </c>
      <c r="N156" s="8">
        <f t="shared" si="19"/>
        <v>15</v>
      </c>
      <c r="O156" s="8">
        <f t="shared" si="19"/>
        <v>13</v>
      </c>
      <c r="P156" s="8">
        <f t="shared" si="19"/>
        <v>9</v>
      </c>
      <c r="Q156" s="8">
        <v>8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91</v>
      </c>
      <c r="H157" s="11">
        <f t="shared" si="20"/>
        <v>74</v>
      </c>
      <c r="I157" s="11">
        <f t="shared" si="20"/>
        <v>63</v>
      </c>
      <c r="J157" s="11">
        <f t="shared" si="20"/>
        <v>63</v>
      </c>
      <c r="K157" s="11">
        <f t="shared" si="20"/>
        <v>62</v>
      </c>
      <c r="L157" s="11">
        <f t="shared" si="20"/>
        <v>63</v>
      </c>
      <c r="M157" s="11">
        <f t="shared" si="20"/>
        <v>63</v>
      </c>
      <c r="N157" s="11">
        <f t="shared" si="20"/>
        <v>58</v>
      </c>
      <c r="O157" s="11">
        <f t="shared" si="20"/>
        <v>58</v>
      </c>
      <c r="P157" s="11">
        <f t="shared" si="20"/>
        <v>57</v>
      </c>
      <c r="Q157" s="11">
        <v>58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79</v>
      </c>
      <c r="H158" s="14">
        <f t="shared" si="21"/>
        <v>74</v>
      </c>
      <c r="I158" s="14">
        <f t="shared" si="21"/>
        <v>65</v>
      </c>
      <c r="J158" s="14">
        <f t="shared" si="21"/>
        <v>66</v>
      </c>
      <c r="K158" s="14">
        <f t="shared" si="21"/>
        <v>66</v>
      </c>
      <c r="L158" s="14">
        <f t="shared" si="21"/>
        <v>62</v>
      </c>
      <c r="M158" s="14">
        <f t="shared" si="21"/>
        <v>59</v>
      </c>
      <c r="N158" s="14">
        <f t="shared" si="21"/>
        <v>63</v>
      </c>
      <c r="O158" s="14">
        <f t="shared" si="21"/>
        <v>62</v>
      </c>
      <c r="P158" s="14">
        <f t="shared" si="21"/>
        <v>58</v>
      </c>
      <c r="Q158" s="14">
        <v>58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85</v>
      </c>
      <c r="H159" s="17">
        <f t="shared" ref="H159:N159" si="22">SUM(H156:H158)</f>
        <v>162</v>
      </c>
      <c r="I159" s="17">
        <f t="shared" si="22"/>
        <v>141</v>
      </c>
      <c r="J159" s="17">
        <f t="shared" si="22"/>
        <v>142</v>
      </c>
      <c r="K159" s="17">
        <f t="shared" si="22"/>
        <v>140</v>
      </c>
      <c r="L159" s="17">
        <f t="shared" si="22"/>
        <v>138</v>
      </c>
      <c r="M159" s="17">
        <f t="shared" si="22"/>
        <v>136</v>
      </c>
      <c r="N159" s="17">
        <f t="shared" si="22"/>
        <v>136</v>
      </c>
      <c r="O159" s="17">
        <f>SUM(O156:O158)</f>
        <v>133</v>
      </c>
      <c r="P159" s="17">
        <f>SUM(P156:P158)</f>
        <v>124</v>
      </c>
      <c r="Q159" s="17">
        <f>SUM(Q156:Q158)</f>
        <v>124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8.1</v>
      </c>
      <c r="H164" s="49">
        <f t="shared" si="23"/>
        <v>8.6</v>
      </c>
      <c r="I164" s="49">
        <f t="shared" si="23"/>
        <v>9.1999999999999993</v>
      </c>
      <c r="J164" s="49">
        <f t="shared" si="23"/>
        <v>9.1999999999999993</v>
      </c>
      <c r="K164" s="49">
        <f t="shared" si="23"/>
        <v>8.6</v>
      </c>
      <c r="L164" s="49">
        <f t="shared" si="23"/>
        <v>9.4</v>
      </c>
      <c r="M164" s="49">
        <f t="shared" si="23"/>
        <v>10.3</v>
      </c>
      <c r="N164" s="49">
        <f t="shared" si="23"/>
        <v>11</v>
      </c>
      <c r="O164" s="49">
        <f t="shared" si="23"/>
        <v>9.8000000000000007</v>
      </c>
      <c r="P164" s="49">
        <f t="shared" si="23"/>
        <v>7.3</v>
      </c>
      <c r="Q164" s="49">
        <f t="shared" si="23"/>
        <v>6.5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49.2</v>
      </c>
      <c r="H165" s="50">
        <f t="shared" si="24"/>
        <v>45.7</v>
      </c>
      <c r="I165" s="50">
        <f t="shared" si="24"/>
        <v>44.7</v>
      </c>
      <c r="J165" s="50">
        <f t="shared" si="24"/>
        <v>44.4</v>
      </c>
      <c r="K165" s="50">
        <f t="shared" si="24"/>
        <v>44.3</v>
      </c>
      <c r="L165" s="50">
        <f t="shared" si="24"/>
        <v>45.7</v>
      </c>
      <c r="M165" s="50">
        <f t="shared" si="24"/>
        <v>46.3</v>
      </c>
      <c r="N165" s="50">
        <f t="shared" si="24"/>
        <v>42.6</v>
      </c>
      <c r="O165" s="50">
        <f t="shared" si="24"/>
        <v>43.6</v>
      </c>
      <c r="P165" s="50">
        <f t="shared" si="24"/>
        <v>46</v>
      </c>
      <c r="Q165" s="50">
        <f t="shared" si="24"/>
        <v>46.8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42.7</v>
      </c>
      <c r="H166" s="51">
        <f t="shared" si="25"/>
        <v>45.7</v>
      </c>
      <c r="I166" s="51">
        <f t="shared" si="25"/>
        <v>46.1</v>
      </c>
      <c r="J166" s="51">
        <f t="shared" si="25"/>
        <v>46.5</v>
      </c>
      <c r="K166" s="51">
        <f t="shared" si="25"/>
        <v>47.1</v>
      </c>
      <c r="L166" s="51">
        <f t="shared" si="25"/>
        <v>44.9</v>
      </c>
      <c r="M166" s="51">
        <f t="shared" si="25"/>
        <v>43.4</v>
      </c>
      <c r="N166" s="51">
        <f t="shared" si="25"/>
        <v>46.3</v>
      </c>
      <c r="O166" s="51">
        <f t="shared" si="25"/>
        <v>46.6</v>
      </c>
      <c r="P166" s="51">
        <f t="shared" si="25"/>
        <v>46.8</v>
      </c>
      <c r="Q166" s="51">
        <f t="shared" si="25"/>
        <v>46.8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584B71-F66E-4749-B6AC-FC355FA53ACB}">
  <sheetPr codeName="Sheet5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77</v>
      </c>
      <c r="H5" s="8">
        <f t="shared" si="0"/>
        <v>51</v>
      </c>
      <c r="I5" s="8">
        <f t="shared" si="0"/>
        <v>41</v>
      </c>
      <c r="J5" s="8">
        <f t="shared" si="0"/>
        <v>42</v>
      </c>
      <c r="K5" s="8">
        <f t="shared" si="0"/>
        <v>38</v>
      </c>
      <c r="L5" s="8">
        <f t="shared" si="0"/>
        <v>36</v>
      </c>
      <c r="M5" s="8">
        <f t="shared" si="0"/>
        <v>42</v>
      </c>
      <c r="N5" s="8">
        <f t="shared" si="0"/>
        <v>36</v>
      </c>
      <c r="O5" s="8">
        <f t="shared" si="0"/>
        <v>35</v>
      </c>
      <c r="P5" s="8">
        <f t="shared" si="0"/>
        <v>32</v>
      </c>
      <c r="Q5" s="8">
        <f t="shared" si="0"/>
        <v>34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61</v>
      </c>
      <c r="H6" s="8">
        <f t="shared" si="0"/>
        <v>71</v>
      </c>
      <c r="I6" s="8">
        <f t="shared" si="0"/>
        <v>59</v>
      </c>
      <c r="J6" s="8">
        <f t="shared" si="0"/>
        <v>50</v>
      </c>
      <c r="K6" s="8">
        <f t="shared" si="0"/>
        <v>46</v>
      </c>
      <c r="L6" s="8">
        <f t="shared" si="0"/>
        <v>41</v>
      </c>
      <c r="M6" s="8">
        <f t="shared" si="0"/>
        <v>39</v>
      </c>
      <c r="N6" s="8">
        <f t="shared" si="0"/>
        <v>40</v>
      </c>
      <c r="O6" s="8">
        <f t="shared" si="0"/>
        <v>41</v>
      </c>
      <c r="P6" s="8">
        <f t="shared" si="0"/>
        <v>42</v>
      </c>
      <c r="Q6" s="8">
        <f t="shared" si="0"/>
        <v>40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74</v>
      </c>
      <c r="H7" s="8">
        <f t="shared" si="0"/>
        <v>64</v>
      </c>
      <c r="I7" s="8">
        <f t="shared" si="0"/>
        <v>71</v>
      </c>
      <c r="J7" s="8">
        <f t="shared" si="0"/>
        <v>65</v>
      </c>
      <c r="K7" s="8">
        <f t="shared" si="0"/>
        <v>59</v>
      </c>
      <c r="L7" s="8">
        <f t="shared" si="0"/>
        <v>59</v>
      </c>
      <c r="M7" s="8">
        <f t="shared" si="0"/>
        <v>55</v>
      </c>
      <c r="N7" s="8">
        <f t="shared" si="0"/>
        <v>59</v>
      </c>
      <c r="O7" s="8">
        <f t="shared" si="0"/>
        <v>51</v>
      </c>
      <c r="P7" s="8">
        <f t="shared" si="0"/>
        <v>51</v>
      </c>
      <c r="Q7" s="8">
        <f t="shared" si="0"/>
        <v>46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20</v>
      </c>
      <c r="H8" s="11">
        <f t="shared" si="0"/>
        <v>82</v>
      </c>
      <c r="I8" s="11">
        <f t="shared" si="0"/>
        <v>69</v>
      </c>
      <c r="J8" s="11">
        <f t="shared" si="0"/>
        <v>63</v>
      </c>
      <c r="K8" s="11">
        <f t="shared" si="0"/>
        <v>67</v>
      </c>
      <c r="L8" s="11">
        <f t="shared" si="0"/>
        <v>63</v>
      </c>
      <c r="M8" s="11">
        <f t="shared" si="0"/>
        <v>72</v>
      </c>
      <c r="N8" s="11">
        <f t="shared" si="0"/>
        <v>74</v>
      </c>
      <c r="O8" s="11">
        <f t="shared" si="0"/>
        <v>71</v>
      </c>
      <c r="P8" s="11">
        <f t="shared" si="0"/>
        <v>66</v>
      </c>
      <c r="Q8" s="11">
        <f t="shared" si="0"/>
        <v>70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41</v>
      </c>
      <c r="H9" s="11">
        <f t="shared" si="0"/>
        <v>125</v>
      </c>
      <c r="I9" s="11">
        <f t="shared" si="0"/>
        <v>92</v>
      </c>
      <c r="J9" s="11">
        <f t="shared" si="0"/>
        <v>99</v>
      </c>
      <c r="K9" s="11">
        <f t="shared" si="0"/>
        <v>85</v>
      </c>
      <c r="L9" s="11">
        <f t="shared" si="0"/>
        <v>74</v>
      </c>
      <c r="M9" s="11">
        <f t="shared" si="0"/>
        <v>59</v>
      </c>
      <c r="N9" s="11">
        <f t="shared" si="0"/>
        <v>64</v>
      </c>
      <c r="O9" s="11">
        <f t="shared" si="0"/>
        <v>62</v>
      </c>
      <c r="P9" s="11">
        <f t="shared" si="0"/>
        <v>66</v>
      </c>
      <c r="Q9" s="11">
        <f t="shared" si="0"/>
        <v>60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29</v>
      </c>
      <c r="H10" s="11">
        <f t="shared" si="0"/>
        <v>131</v>
      </c>
      <c r="I10" s="11">
        <f t="shared" si="0"/>
        <v>121</v>
      </c>
      <c r="J10" s="11">
        <f t="shared" si="0"/>
        <v>93</v>
      </c>
      <c r="K10" s="11">
        <f t="shared" si="0"/>
        <v>96</v>
      </c>
      <c r="L10" s="11">
        <f t="shared" si="0"/>
        <v>97</v>
      </c>
      <c r="M10" s="11">
        <f t="shared" si="0"/>
        <v>91</v>
      </c>
      <c r="N10" s="11">
        <f t="shared" si="0"/>
        <v>69</v>
      </c>
      <c r="O10" s="11">
        <f t="shared" si="0"/>
        <v>66</v>
      </c>
      <c r="P10" s="11">
        <f t="shared" si="0"/>
        <v>51</v>
      </c>
      <c r="Q10" s="11">
        <f t="shared" si="0"/>
        <v>52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35</v>
      </c>
      <c r="H11" s="11">
        <f t="shared" si="0"/>
        <v>127</v>
      </c>
      <c r="I11" s="11">
        <f t="shared" si="0"/>
        <v>126</v>
      </c>
      <c r="J11" s="11">
        <f t="shared" si="0"/>
        <v>124</v>
      </c>
      <c r="K11" s="11">
        <f t="shared" si="0"/>
        <v>108</v>
      </c>
      <c r="L11" s="11">
        <f t="shared" si="0"/>
        <v>102</v>
      </c>
      <c r="M11" s="11">
        <f t="shared" si="0"/>
        <v>114</v>
      </c>
      <c r="N11" s="11">
        <f t="shared" si="0"/>
        <v>105</v>
      </c>
      <c r="O11" s="11">
        <f t="shared" si="0"/>
        <v>95</v>
      </c>
      <c r="P11" s="11">
        <f t="shared" si="0"/>
        <v>89</v>
      </c>
      <c r="Q11" s="11">
        <f t="shared" si="0"/>
        <v>8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05</v>
      </c>
      <c r="H12" s="11">
        <f t="shared" si="0"/>
        <v>132</v>
      </c>
      <c r="I12" s="11">
        <f t="shared" si="0"/>
        <v>124</v>
      </c>
      <c r="J12" s="11">
        <f t="shared" si="0"/>
        <v>113</v>
      </c>
      <c r="K12" s="11">
        <f t="shared" si="0"/>
        <v>118</v>
      </c>
      <c r="L12" s="11">
        <f t="shared" si="0"/>
        <v>120</v>
      </c>
      <c r="M12" s="11">
        <f t="shared" si="0"/>
        <v>114</v>
      </c>
      <c r="N12" s="11">
        <f t="shared" si="0"/>
        <v>115</v>
      </c>
      <c r="O12" s="11">
        <f t="shared" si="0"/>
        <v>119</v>
      </c>
      <c r="P12" s="11">
        <f t="shared" si="0"/>
        <v>106</v>
      </c>
      <c r="Q12" s="11">
        <f t="shared" si="0"/>
        <v>92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31</v>
      </c>
      <c r="H13" s="11">
        <f t="shared" si="0"/>
        <v>122</v>
      </c>
      <c r="I13" s="11">
        <f t="shared" si="0"/>
        <v>130</v>
      </c>
      <c r="J13" s="11">
        <f t="shared" si="0"/>
        <v>135</v>
      </c>
      <c r="K13" s="11">
        <f t="shared" si="0"/>
        <v>130</v>
      </c>
      <c r="L13" s="11">
        <f t="shared" si="0"/>
        <v>140</v>
      </c>
      <c r="M13" s="11">
        <f t="shared" si="0"/>
        <v>129</v>
      </c>
      <c r="N13" s="11">
        <f t="shared" si="0"/>
        <v>123</v>
      </c>
      <c r="O13" s="11">
        <f t="shared" si="0"/>
        <v>110</v>
      </c>
      <c r="P13" s="11">
        <f t="shared" si="0"/>
        <v>125</v>
      </c>
      <c r="Q13" s="11">
        <f t="shared" si="0"/>
        <v>13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82</v>
      </c>
      <c r="H14" s="11">
        <f t="shared" si="0"/>
        <v>141</v>
      </c>
      <c r="I14" s="11">
        <f t="shared" si="0"/>
        <v>121</v>
      </c>
      <c r="J14" s="11">
        <f t="shared" si="0"/>
        <v>127</v>
      </c>
      <c r="K14" s="11">
        <f t="shared" si="0"/>
        <v>128</v>
      </c>
      <c r="L14" s="11">
        <f t="shared" si="0"/>
        <v>123</v>
      </c>
      <c r="M14" s="11">
        <f t="shared" si="0"/>
        <v>119</v>
      </c>
      <c r="N14" s="11">
        <f t="shared" si="0"/>
        <v>117</v>
      </c>
      <c r="O14" s="11">
        <f t="shared" si="0"/>
        <v>125</v>
      </c>
      <c r="P14" s="11">
        <f t="shared" si="0"/>
        <v>125</v>
      </c>
      <c r="Q14" s="11">
        <f t="shared" si="0"/>
        <v>139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32</v>
      </c>
      <c r="H15" s="11">
        <f t="shared" si="0"/>
        <v>187</v>
      </c>
      <c r="I15" s="11">
        <f t="shared" si="0"/>
        <v>141</v>
      </c>
      <c r="J15" s="11">
        <f t="shared" si="0"/>
        <v>131</v>
      </c>
      <c r="K15" s="11">
        <f t="shared" si="0"/>
        <v>134</v>
      </c>
      <c r="L15" s="11">
        <f t="shared" si="0"/>
        <v>116</v>
      </c>
      <c r="M15" s="11">
        <f t="shared" si="0"/>
        <v>118</v>
      </c>
      <c r="N15" s="11">
        <f t="shared" si="0"/>
        <v>117</v>
      </c>
      <c r="O15" s="11">
        <f t="shared" si="0"/>
        <v>125</v>
      </c>
      <c r="P15" s="11">
        <f t="shared" si="0"/>
        <v>125</v>
      </c>
      <c r="Q15" s="11">
        <f t="shared" si="0"/>
        <v>12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217</v>
      </c>
      <c r="H16" s="11">
        <f t="shared" si="0"/>
        <v>243</v>
      </c>
      <c r="I16" s="11">
        <f t="shared" si="0"/>
        <v>185</v>
      </c>
      <c r="J16" s="11">
        <f t="shared" si="0"/>
        <v>185</v>
      </c>
      <c r="K16" s="11">
        <f t="shared" si="0"/>
        <v>150</v>
      </c>
      <c r="L16" s="11">
        <f t="shared" si="0"/>
        <v>147</v>
      </c>
      <c r="M16" s="11">
        <f t="shared" si="0"/>
        <v>133</v>
      </c>
      <c r="N16" s="11">
        <f t="shared" si="0"/>
        <v>138</v>
      </c>
      <c r="O16" s="11">
        <f t="shared" si="0"/>
        <v>126</v>
      </c>
      <c r="P16" s="11">
        <f t="shared" si="0"/>
        <v>131</v>
      </c>
      <c r="Q16" s="11">
        <f t="shared" si="0"/>
        <v>118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70</v>
      </c>
      <c r="H17" s="11">
        <f t="shared" si="0"/>
        <v>232</v>
      </c>
      <c r="I17" s="11">
        <f t="shared" si="0"/>
        <v>237</v>
      </c>
      <c r="J17" s="11">
        <f t="shared" si="0"/>
        <v>222</v>
      </c>
      <c r="K17" s="11">
        <f t="shared" si="0"/>
        <v>241</v>
      </c>
      <c r="L17" s="11">
        <f t="shared" si="0"/>
        <v>220</v>
      </c>
      <c r="M17" s="11">
        <f t="shared" si="0"/>
        <v>196</v>
      </c>
      <c r="N17" s="11">
        <f t="shared" si="0"/>
        <v>182</v>
      </c>
      <c r="O17" s="11">
        <f t="shared" si="0"/>
        <v>178</v>
      </c>
      <c r="P17" s="11">
        <f t="shared" si="0"/>
        <v>140</v>
      </c>
      <c r="Q17" s="11">
        <f t="shared" si="0"/>
        <v>13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32</v>
      </c>
      <c r="H18" s="14">
        <f t="shared" si="0"/>
        <v>160</v>
      </c>
      <c r="I18" s="14">
        <f t="shared" si="0"/>
        <v>217</v>
      </c>
      <c r="J18" s="14">
        <f t="shared" si="0"/>
        <v>237</v>
      </c>
      <c r="K18" s="14">
        <f t="shared" si="0"/>
        <v>208</v>
      </c>
      <c r="L18" s="14">
        <f t="shared" si="0"/>
        <v>211</v>
      </c>
      <c r="M18" s="14">
        <f t="shared" si="0"/>
        <v>231</v>
      </c>
      <c r="N18" s="14">
        <f t="shared" si="0"/>
        <v>221</v>
      </c>
      <c r="O18" s="14">
        <f t="shared" si="0"/>
        <v>213</v>
      </c>
      <c r="P18" s="14">
        <f t="shared" si="0"/>
        <v>228</v>
      </c>
      <c r="Q18" s="14">
        <f t="shared" si="0"/>
        <v>209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78</v>
      </c>
      <c r="H19" s="14">
        <f t="shared" si="0"/>
        <v>133</v>
      </c>
      <c r="I19" s="14">
        <f t="shared" si="0"/>
        <v>136</v>
      </c>
      <c r="J19" s="14">
        <f t="shared" si="0"/>
        <v>126</v>
      </c>
      <c r="K19" s="14">
        <f t="shared" si="0"/>
        <v>153</v>
      </c>
      <c r="L19" s="14">
        <f t="shared" si="0"/>
        <v>177</v>
      </c>
      <c r="M19" s="14">
        <f t="shared" si="0"/>
        <v>179</v>
      </c>
      <c r="N19" s="14">
        <f t="shared" si="0"/>
        <v>191</v>
      </c>
      <c r="O19" s="14">
        <f t="shared" si="0"/>
        <v>210</v>
      </c>
      <c r="P19" s="14">
        <f t="shared" si="0"/>
        <v>186</v>
      </c>
      <c r="Q19" s="14">
        <f t="shared" si="0"/>
        <v>19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57</v>
      </c>
      <c r="H20" s="14">
        <f t="shared" si="0"/>
        <v>152</v>
      </c>
      <c r="I20" s="14">
        <f t="shared" si="0"/>
        <v>122</v>
      </c>
      <c r="J20" s="14">
        <f t="shared" si="0"/>
        <v>117</v>
      </c>
      <c r="K20" s="14">
        <f t="shared" si="0"/>
        <v>115</v>
      </c>
      <c r="L20" s="14">
        <f t="shared" si="0"/>
        <v>110</v>
      </c>
      <c r="M20" s="14">
        <f t="shared" si="0"/>
        <v>114</v>
      </c>
      <c r="N20" s="14">
        <f t="shared" si="0"/>
        <v>127</v>
      </c>
      <c r="O20" s="14">
        <f t="shared" si="0"/>
        <v>115</v>
      </c>
      <c r="P20" s="14">
        <f t="shared" si="0"/>
        <v>136</v>
      </c>
      <c r="Q20" s="14">
        <f t="shared" si="0"/>
        <v>153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94</v>
      </c>
      <c r="H21" s="14">
        <f t="shared" si="1"/>
        <v>138</v>
      </c>
      <c r="I21" s="14">
        <f t="shared" si="1"/>
        <v>130</v>
      </c>
      <c r="J21" s="14">
        <f t="shared" si="1"/>
        <v>122</v>
      </c>
      <c r="K21" s="14">
        <f t="shared" si="1"/>
        <v>118</v>
      </c>
      <c r="L21" s="14">
        <f t="shared" si="1"/>
        <v>114</v>
      </c>
      <c r="M21" s="14">
        <f t="shared" si="1"/>
        <v>111</v>
      </c>
      <c r="N21" s="14">
        <f t="shared" si="1"/>
        <v>107</v>
      </c>
      <c r="O21" s="14">
        <f t="shared" si="1"/>
        <v>102</v>
      </c>
      <c r="P21" s="14">
        <f t="shared" si="1"/>
        <v>100</v>
      </c>
      <c r="Q21" s="14">
        <f t="shared" si="1"/>
        <v>9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56</v>
      </c>
      <c r="H22" s="14">
        <f t="shared" si="1"/>
        <v>69</v>
      </c>
      <c r="I22" s="14">
        <f t="shared" si="1"/>
        <v>105</v>
      </c>
      <c r="J22" s="14">
        <f t="shared" si="1"/>
        <v>100</v>
      </c>
      <c r="K22" s="14">
        <f t="shared" si="1"/>
        <v>108</v>
      </c>
      <c r="L22" s="14">
        <f t="shared" si="1"/>
        <v>106</v>
      </c>
      <c r="M22" s="14">
        <f t="shared" si="1"/>
        <v>107</v>
      </c>
      <c r="N22" s="14">
        <f t="shared" si="1"/>
        <v>99</v>
      </c>
      <c r="O22" s="14">
        <f t="shared" si="1"/>
        <v>94</v>
      </c>
      <c r="P22" s="14">
        <f t="shared" si="1"/>
        <v>98</v>
      </c>
      <c r="Q22" s="14">
        <f t="shared" si="1"/>
        <v>9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27</v>
      </c>
      <c r="H23" s="14">
        <f t="shared" si="1"/>
        <v>26</v>
      </c>
      <c r="I23" s="14">
        <f t="shared" si="1"/>
        <v>34</v>
      </c>
      <c r="J23" s="14">
        <f t="shared" si="1"/>
        <v>53</v>
      </c>
      <c r="K23" s="14">
        <f t="shared" si="1"/>
        <v>55</v>
      </c>
      <c r="L23" s="14">
        <f t="shared" si="1"/>
        <v>51</v>
      </c>
      <c r="M23" s="14">
        <f t="shared" si="1"/>
        <v>56</v>
      </c>
      <c r="N23" s="14">
        <f t="shared" si="1"/>
        <v>59</v>
      </c>
      <c r="O23" s="14">
        <f t="shared" si="1"/>
        <v>58</v>
      </c>
      <c r="P23" s="14">
        <f t="shared" si="1"/>
        <v>66</v>
      </c>
      <c r="Q23" s="14">
        <f t="shared" si="1"/>
        <v>67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5</v>
      </c>
      <c r="H24" s="14">
        <f t="shared" si="1"/>
        <v>10</v>
      </c>
      <c r="I24" s="14">
        <f t="shared" si="1"/>
        <v>10</v>
      </c>
      <c r="J24" s="14">
        <f t="shared" si="1"/>
        <v>11</v>
      </c>
      <c r="K24" s="14">
        <f t="shared" si="1"/>
        <v>11</v>
      </c>
      <c r="L24" s="14">
        <f t="shared" si="1"/>
        <v>12</v>
      </c>
      <c r="M24" s="14">
        <f t="shared" si="1"/>
        <v>16</v>
      </c>
      <c r="N24" s="14">
        <f t="shared" si="1"/>
        <v>13</v>
      </c>
      <c r="O24" s="14">
        <f t="shared" si="1"/>
        <v>23</v>
      </c>
      <c r="P24" s="14">
        <f t="shared" si="1"/>
        <v>18</v>
      </c>
      <c r="Q24" s="14">
        <f t="shared" si="1"/>
        <v>2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1</v>
      </c>
      <c r="I25" s="14">
        <f t="shared" si="1"/>
        <v>2</v>
      </c>
      <c r="J25" s="14">
        <f t="shared" si="1"/>
        <v>2</v>
      </c>
      <c r="K25" s="14">
        <f t="shared" si="1"/>
        <v>2</v>
      </c>
      <c r="L25" s="14">
        <f t="shared" si="1"/>
        <v>2</v>
      </c>
      <c r="M25" s="14">
        <f t="shared" si="1"/>
        <v>3</v>
      </c>
      <c r="N25" s="14">
        <f t="shared" si="1"/>
        <v>4</v>
      </c>
      <c r="O25" s="14">
        <f t="shared" si="1"/>
        <v>4</v>
      </c>
      <c r="P25" s="14">
        <f t="shared" si="1"/>
        <v>3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423</v>
      </c>
      <c r="H26" s="17">
        <f>SUM(H5:H25)</f>
        <v>2397</v>
      </c>
      <c r="I26" s="17">
        <f t="shared" ref="I26:N26" si="2">SUM(I5:I25)</f>
        <v>2273</v>
      </c>
      <c r="J26" s="17">
        <f t="shared" si="2"/>
        <v>2217</v>
      </c>
      <c r="K26" s="17">
        <f t="shared" si="2"/>
        <v>2170</v>
      </c>
      <c r="L26" s="17">
        <f t="shared" si="2"/>
        <v>2121</v>
      </c>
      <c r="M26" s="17">
        <f t="shared" si="2"/>
        <v>2098</v>
      </c>
      <c r="N26" s="17">
        <f t="shared" si="2"/>
        <v>2060</v>
      </c>
      <c r="O26" s="17">
        <f>SUM(O5:O25)</f>
        <v>2023</v>
      </c>
      <c r="P26" s="17">
        <f>SUM(P5:P25)</f>
        <v>1984</v>
      </c>
      <c r="Q26" s="17">
        <f>SUM(Q5:Q25)</f>
        <v>1955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212</v>
      </c>
      <c r="H31" s="21">
        <f t="shared" si="3"/>
        <v>186</v>
      </c>
      <c r="I31" s="21">
        <f t="shared" si="3"/>
        <v>171</v>
      </c>
      <c r="J31" s="21">
        <f t="shared" si="3"/>
        <v>157</v>
      </c>
      <c r="K31" s="21">
        <f t="shared" si="3"/>
        <v>143</v>
      </c>
      <c r="L31" s="21">
        <f t="shared" si="3"/>
        <v>136</v>
      </c>
      <c r="M31" s="21">
        <f t="shared" si="3"/>
        <v>136</v>
      </c>
      <c r="N31" s="21">
        <f t="shared" si="3"/>
        <v>135</v>
      </c>
      <c r="O31" s="21">
        <f t="shared" si="3"/>
        <v>127</v>
      </c>
      <c r="P31" s="21">
        <f t="shared" si="3"/>
        <v>125</v>
      </c>
      <c r="Q31" s="21">
        <f t="shared" si="3"/>
        <v>120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1562</v>
      </c>
      <c r="H32" s="22">
        <f t="shared" si="4"/>
        <v>1522</v>
      </c>
      <c r="I32" s="22">
        <f t="shared" si="4"/>
        <v>1346</v>
      </c>
      <c r="J32" s="22">
        <f t="shared" si="4"/>
        <v>1292</v>
      </c>
      <c r="K32" s="22">
        <f t="shared" si="4"/>
        <v>1257</v>
      </c>
      <c r="L32" s="22">
        <f t="shared" si="4"/>
        <v>1202</v>
      </c>
      <c r="M32" s="22">
        <f t="shared" si="4"/>
        <v>1145</v>
      </c>
      <c r="N32" s="22">
        <f t="shared" si="4"/>
        <v>1104</v>
      </c>
      <c r="O32" s="22">
        <f t="shared" si="4"/>
        <v>1077</v>
      </c>
      <c r="P32" s="22">
        <f t="shared" si="4"/>
        <v>1024</v>
      </c>
      <c r="Q32" s="22">
        <f t="shared" si="4"/>
        <v>1001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649</v>
      </c>
      <c r="H33" s="23">
        <f t="shared" si="5"/>
        <v>689</v>
      </c>
      <c r="I33" s="23">
        <f t="shared" si="5"/>
        <v>756</v>
      </c>
      <c r="J33" s="23">
        <f t="shared" si="5"/>
        <v>768</v>
      </c>
      <c r="K33" s="23">
        <f t="shared" si="5"/>
        <v>770</v>
      </c>
      <c r="L33" s="23">
        <f t="shared" si="5"/>
        <v>783</v>
      </c>
      <c r="M33" s="23">
        <f t="shared" si="5"/>
        <v>817</v>
      </c>
      <c r="N33" s="23">
        <f t="shared" si="5"/>
        <v>821</v>
      </c>
      <c r="O33" s="23">
        <f t="shared" si="5"/>
        <v>819</v>
      </c>
      <c r="P33" s="23">
        <f t="shared" si="5"/>
        <v>835</v>
      </c>
      <c r="Q33" s="23">
        <f t="shared" si="5"/>
        <v>834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2423</v>
      </c>
      <c r="H34" s="24">
        <f>SUM(H31:H33)</f>
        <v>2397</v>
      </c>
      <c r="I34" s="24">
        <f t="shared" ref="I34:N34" si="6">SUM(I31:I33)</f>
        <v>2273</v>
      </c>
      <c r="J34" s="24">
        <f t="shared" si="6"/>
        <v>2217</v>
      </c>
      <c r="K34" s="24">
        <f t="shared" si="6"/>
        <v>2170</v>
      </c>
      <c r="L34" s="24">
        <f t="shared" si="6"/>
        <v>2121</v>
      </c>
      <c r="M34" s="24">
        <f t="shared" si="6"/>
        <v>2098</v>
      </c>
      <c r="N34" s="24">
        <f t="shared" si="6"/>
        <v>2060</v>
      </c>
      <c r="O34" s="24">
        <f>SUM(O31:O33)</f>
        <v>2023</v>
      </c>
      <c r="P34" s="24">
        <f>SUM(P31:P33)</f>
        <v>1984</v>
      </c>
      <c r="Q34" s="24">
        <f>SUM(Q31:Q33)</f>
        <v>1955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8.6999999999999993</v>
      </c>
      <c r="H39" s="33">
        <f t="shared" si="7"/>
        <v>7.8</v>
      </c>
      <c r="I39" s="33">
        <f t="shared" si="7"/>
        <v>7.5</v>
      </c>
      <c r="J39" s="33">
        <f t="shared" si="7"/>
        <v>7.1</v>
      </c>
      <c r="K39" s="33">
        <f t="shared" si="7"/>
        <v>6.6</v>
      </c>
      <c r="L39" s="33">
        <f t="shared" si="7"/>
        <v>6.4</v>
      </c>
      <c r="M39" s="33">
        <f t="shared" si="7"/>
        <v>6.5</v>
      </c>
      <c r="N39" s="33">
        <f t="shared" si="7"/>
        <v>6.6</v>
      </c>
      <c r="O39" s="33">
        <f t="shared" si="7"/>
        <v>6.3</v>
      </c>
      <c r="P39" s="33">
        <f t="shared" si="7"/>
        <v>6.3</v>
      </c>
      <c r="Q39" s="33">
        <f t="shared" si="7"/>
        <v>6.1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4.5</v>
      </c>
      <c r="H40" s="35">
        <f t="shared" si="8"/>
        <v>63.5</v>
      </c>
      <c r="I40" s="35">
        <f t="shared" si="8"/>
        <v>59.2</v>
      </c>
      <c r="J40" s="35">
        <f t="shared" si="8"/>
        <v>58.3</v>
      </c>
      <c r="K40" s="35">
        <f t="shared" si="8"/>
        <v>57.9</v>
      </c>
      <c r="L40" s="35">
        <f t="shared" si="8"/>
        <v>56.7</v>
      </c>
      <c r="M40" s="35">
        <f t="shared" si="8"/>
        <v>54.6</v>
      </c>
      <c r="N40" s="35">
        <f t="shared" si="8"/>
        <v>53.6</v>
      </c>
      <c r="O40" s="35">
        <f t="shared" si="8"/>
        <v>53.2</v>
      </c>
      <c r="P40" s="35">
        <f t="shared" si="8"/>
        <v>51.6</v>
      </c>
      <c r="Q40" s="35">
        <f t="shared" si="8"/>
        <v>51.2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6.8</v>
      </c>
      <c r="H41" s="37">
        <f t="shared" si="9"/>
        <v>28.7</v>
      </c>
      <c r="I41" s="37">
        <f t="shared" si="9"/>
        <v>33.299999999999997</v>
      </c>
      <c r="J41" s="37">
        <f t="shared" si="9"/>
        <v>34.6</v>
      </c>
      <c r="K41" s="37">
        <f t="shared" si="9"/>
        <v>35.5</v>
      </c>
      <c r="L41" s="37">
        <f t="shared" si="9"/>
        <v>36.9</v>
      </c>
      <c r="M41" s="37">
        <f t="shared" si="9"/>
        <v>38.9</v>
      </c>
      <c r="N41" s="37">
        <f t="shared" si="9"/>
        <v>39.9</v>
      </c>
      <c r="O41" s="37">
        <f t="shared" si="9"/>
        <v>40.5</v>
      </c>
      <c r="P41" s="37">
        <f t="shared" si="9"/>
        <v>42.1</v>
      </c>
      <c r="Q41" s="37">
        <f t="shared" si="9"/>
        <v>42.7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9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46</v>
      </c>
      <c r="H84" s="8">
        <v>24</v>
      </c>
      <c r="I84" s="8">
        <v>22</v>
      </c>
      <c r="J84" s="8">
        <v>22</v>
      </c>
      <c r="K84" s="8">
        <v>19</v>
      </c>
      <c r="L84" s="8">
        <v>19</v>
      </c>
      <c r="M84" s="8">
        <v>22</v>
      </c>
      <c r="N84" s="21">
        <v>17</v>
      </c>
      <c r="O84" s="21">
        <v>17</v>
      </c>
      <c r="P84" s="21">
        <v>16</v>
      </c>
      <c r="Q84" s="21">
        <v>17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9</v>
      </c>
      <c r="H85" s="8">
        <v>41</v>
      </c>
      <c r="I85" s="8">
        <v>28</v>
      </c>
      <c r="J85" s="8">
        <v>28</v>
      </c>
      <c r="K85" s="8">
        <v>27</v>
      </c>
      <c r="L85" s="8">
        <v>22</v>
      </c>
      <c r="M85" s="8">
        <v>19</v>
      </c>
      <c r="N85" s="21">
        <v>21</v>
      </c>
      <c r="O85" s="21">
        <v>22</v>
      </c>
      <c r="P85" s="21">
        <v>22</v>
      </c>
      <c r="Q85" s="21">
        <v>24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8</v>
      </c>
      <c r="H86" s="8">
        <v>38</v>
      </c>
      <c r="I86" s="8">
        <v>40</v>
      </c>
      <c r="J86" s="8">
        <v>34</v>
      </c>
      <c r="K86" s="8">
        <v>27</v>
      </c>
      <c r="L86" s="8">
        <v>31</v>
      </c>
      <c r="M86" s="8">
        <v>28</v>
      </c>
      <c r="N86" s="21">
        <v>28</v>
      </c>
      <c r="O86" s="21">
        <v>26</v>
      </c>
      <c r="P86" s="21">
        <v>28</v>
      </c>
      <c r="Q86" s="21">
        <v>23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61</v>
      </c>
      <c r="H87" s="11">
        <v>47</v>
      </c>
      <c r="I87" s="11">
        <v>41</v>
      </c>
      <c r="J87" s="11">
        <v>38</v>
      </c>
      <c r="K87" s="11">
        <v>42</v>
      </c>
      <c r="L87" s="11">
        <v>31</v>
      </c>
      <c r="M87" s="11">
        <v>36</v>
      </c>
      <c r="N87" s="22">
        <v>41</v>
      </c>
      <c r="O87" s="22">
        <v>38</v>
      </c>
      <c r="P87" s="22">
        <v>32</v>
      </c>
      <c r="Q87" s="22">
        <v>39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86</v>
      </c>
      <c r="H88" s="11">
        <v>65</v>
      </c>
      <c r="I88" s="11">
        <v>59</v>
      </c>
      <c r="J88" s="11">
        <v>60</v>
      </c>
      <c r="K88" s="11">
        <v>48</v>
      </c>
      <c r="L88" s="11">
        <v>44</v>
      </c>
      <c r="M88" s="11">
        <v>33</v>
      </c>
      <c r="N88" s="22">
        <v>38</v>
      </c>
      <c r="O88" s="22">
        <v>32</v>
      </c>
      <c r="P88" s="22">
        <v>35</v>
      </c>
      <c r="Q88" s="22">
        <v>29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63</v>
      </c>
      <c r="H89" s="11">
        <v>90</v>
      </c>
      <c r="I89" s="11">
        <v>60</v>
      </c>
      <c r="J89" s="11">
        <v>52</v>
      </c>
      <c r="K89" s="11">
        <v>56</v>
      </c>
      <c r="L89" s="11">
        <v>55</v>
      </c>
      <c r="M89" s="11">
        <v>54</v>
      </c>
      <c r="N89" s="22">
        <v>44</v>
      </c>
      <c r="O89" s="22">
        <v>42</v>
      </c>
      <c r="P89" s="22">
        <v>32</v>
      </c>
      <c r="Q89" s="22">
        <v>34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85</v>
      </c>
      <c r="H90" s="11">
        <v>70</v>
      </c>
      <c r="I90" s="11">
        <v>79</v>
      </c>
      <c r="J90" s="11">
        <v>74</v>
      </c>
      <c r="K90" s="11">
        <v>67</v>
      </c>
      <c r="L90" s="11">
        <v>60</v>
      </c>
      <c r="M90" s="11">
        <v>63</v>
      </c>
      <c r="N90" s="22">
        <v>52</v>
      </c>
      <c r="O90" s="22">
        <v>49</v>
      </c>
      <c r="P90" s="22">
        <v>50</v>
      </c>
      <c r="Q90" s="22">
        <v>4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56</v>
      </c>
      <c r="H91" s="11">
        <v>84</v>
      </c>
      <c r="I91" s="11">
        <v>70</v>
      </c>
      <c r="J91" s="11">
        <v>62</v>
      </c>
      <c r="K91" s="11">
        <v>66</v>
      </c>
      <c r="L91" s="11">
        <v>71</v>
      </c>
      <c r="M91" s="11">
        <v>69</v>
      </c>
      <c r="N91" s="22">
        <v>70</v>
      </c>
      <c r="O91" s="22">
        <v>69</v>
      </c>
      <c r="P91" s="22">
        <v>62</v>
      </c>
      <c r="Q91" s="22">
        <v>49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68</v>
      </c>
      <c r="H92" s="11">
        <v>64</v>
      </c>
      <c r="I92" s="11">
        <v>84</v>
      </c>
      <c r="J92" s="11">
        <v>90</v>
      </c>
      <c r="K92" s="11">
        <v>78</v>
      </c>
      <c r="L92" s="11">
        <v>82</v>
      </c>
      <c r="M92" s="11">
        <v>74</v>
      </c>
      <c r="N92" s="22">
        <v>72</v>
      </c>
      <c r="O92" s="22">
        <v>64</v>
      </c>
      <c r="P92" s="22">
        <v>72</v>
      </c>
      <c r="Q92" s="22">
        <v>77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89</v>
      </c>
      <c r="H93" s="11">
        <v>75</v>
      </c>
      <c r="I93" s="11">
        <v>62</v>
      </c>
      <c r="J93" s="11">
        <v>67</v>
      </c>
      <c r="K93" s="11">
        <v>71</v>
      </c>
      <c r="L93" s="11">
        <v>74</v>
      </c>
      <c r="M93" s="11">
        <v>74</v>
      </c>
      <c r="N93" s="22">
        <v>75</v>
      </c>
      <c r="O93" s="22">
        <v>80</v>
      </c>
      <c r="P93" s="22">
        <v>72</v>
      </c>
      <c r="Q93" s="22">
        <v>77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37</v>
      </c>
      <c r="H94" s="11">
        <v>90</v>
      </c>
      <c r="I94" s="11">
        <v>74</v>
      </c>
      <c r="J94" s="11">
        <v>73</v>
      </c>
      <c r="K94" s="11">
        <v>75</v>
      </c>
      <c r="L94" s="11">
        <v>64</v>
      </c>
      <c r="M94" s="11">
        <v>62</v>
      </c>
      <c r="N94" s="22">
        <v>59</v>
      </c>
      <c r="O94" s="22">
        <v>65</v>
      </c>
      <c r="P94" s="22">
        <v>67</v>
      </c>
      <c r="Q94" s="22">
        <v>71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10</v>
      </c>
      <c r="H95" s="11">
        <v>141</v>
      </c>
      <c r="I95" s="11">
        <v>91</v>
      </c>
      <c r="J95" s="11">
        <v>84</v>
      </c>
      <c r="K95" s="11">
        <v>71</v>
      </c>
      <c r="L95" s="11">
        <v>68</v>
      </c>
      <c r="M95" s="11">
        <v>70</v>
      </c>
      <c r="N95" s="22">
        <v>71</v>
      </c>
      <c r="O95" s="22">
        <v>70</v>
      </c>
      <c r="P95" s="22">
        <v>69</v>
      </c>
      <c r="Q95" s="22">
        <v>63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88</v>
      </c>
      <c r="H96" s="11">
        <v>121</v>
      </c>
      <c r="I96" s="11">
        <v>135</v>
      </c>
      <c r="J96" s="11">
        <v>125</v>
      </c>
      <c r="K96" s="11">
        <v>128</v>
      </c>
      <c r="L96" s="11">
        <v>117</v>
      </c>
      <c r="M96" s="11">
        <v>92</v>
      </c>
      <c r="N96" s="22">
        <v>87</v>
      </c>
      <c r="O96" s="22">
        <v>77</v>
      </c>
      <c r="P96" s="22">
        <v>62</v>
      </c>
      <c r="Q96" s="22">
        <v>57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7</v>
      </c>
      <c r="H97" s="14">
        <v>78</v>
      </c>
      <c r="I97" s="14">
        <v>112</v>
      </c>
      <c r="J97" s="14">
        <v>126</v>
      </c>
      <c r="K97" s="14">
        <v>114</v>
      </c>
      <c r="L97" s="14">
        <v>117</v>
      </c>
      <c r="M97" s="14">
        <v>134</v>
      </c>
      <c r="N97" s="23">
        <v>130</v>
      </c>
      <c r="O97" s="23">
        <v>124</v>
      </c>
      <c r="P97" s="23">
        <v>124</v>
      </c>
      <c r="Q97" s="23">
        <v>112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74</v>
      </c>
      <c r="H98" s="14">
        <v>59</v>
      </c>
      <c r="I98" s="14">
        <v>62</v>
      </c>
      <c r="J98" s="14">
        <v>56</v>
      </c>
      <c r="K98" s="14">
        <v>75</v>
      </c>
      <c r="L98" s="14">
        <v>88</v>
      </c>
      <c r="M98" s="14">
        <v>89</v>
      </c>
      <c r="N98" s="23">
        <v>95</v>
      </c>
      <c r="O98" s="23">
        <v>112</v>
      </c>
      <c r="P98" s="23">
        <v>102</v>
      </c>
      <c r="Q98" s="23">
        <v>106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74</v>
      </c>
      <c r="H99" s="14">
        <v>55</v>
      </c>
      <c r="I99" s="14">
        <v>53</v>
      </c>
      <c r="J99" s="14">
        <v>55</v>
      </c>
      <c r="K99" s="14">
        <v>54</v>
      </c>
      <c r="L99" s="14">
        <v>51</v>
      </c>
      <c r="M99" s="14">
        <v>50</v>
      </c>
      <c r="N99" s="23">
        <v>57</v>
      </c>
      <c r="O99" s="23">
        <v>46</v>
      </c>
      <c r="P99" s="23">
        <v>61</v>
      </c>
      <c r="Q99" s="23">
        <v>71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44</v>
      </c>
      <c r="H100" s="14">
        <v>61</v>
      </c>
      <c r="I100" s="14">
        <v>44</v>
      </c>
      <c r="J100" s="14">
        <v>38</v>
      </c>
      <c r="K100" s="14">
        <v>34</v>
      </c>
      <c r="L100" s="14">
        <v>40</v>
      </c>
      <c r="M100" s="14">
        <v>44</v>
      </c>
      <c r="N100" s="23">
        <v>43</v>
      </c>
      <c r="O100" s="23">
        <v>44</v>
      </c>
      <c r="P100" s="23">
        <v>44</v>
      </c>
      <c r="Q100" s="23">
        <v>41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6</v>
      </c>
      <c r="H101" s="14">
        <v>29</v>
      </c>
      <c r="I101" s="14">
        <v>39</v>
      </c>
      <c r="J101" s="14">
        <v>38</v>
      </c>
      <c r="K101" s="14">
        <v>39</v>
      </c>
      <c r="L101" s="14">
        <v>30</v>
      </c>
      <c r="M101" s="14">
        <v>28</v>
      </c>
      <c r="N101" s="23">
        <v>26</v>
      </c>
      <c r="O101" s="23">
        <v>22</v>
      </c>
      <c r="P101" s="23">
        <v>26</v>
      </c>
      <c r="Q101" s="23">
        <v>28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5</v>
      </c>
      <c r="H102" s="14">
        <v>8</v>
      </c>
      <c r="I102" s="14">
        <v>17</v>
      </c>
      <c r="J102" s="14">
        <v>22</v>
      </c>
      <c r="K102" s="14">
        <v>24</v>
      </c>
      <c r="L102" s="14">
        <v>17</v>
      </c>
      <c r="M102" s="14">
        <v>15</v>
      </c>
      <c r="N102" s="23">
        <v>14</v>
      </c>
      <c r="O102" s="23">
        <v>14</v>
      </c>
      <c r="P102" s="23">
        <v>17</v>
      </c>
      <c r="Q102" s="23">
        <v>15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1</v>
      </c>
      <c r="J103" s="14">
        <v>2</v>
      </c>
      <c r="K103" s="14">
        <v>3</v>
      </c>
      <c r="L103" s="14">
        <v>5</v>
      </c>
      <c r="M103" s="14">
        <v>6</v>
      </c>
      <c r="N103" s="23">
        <v>4</v>
      </c>
      <c r="O103" s="23">
        <v>8</v>
      </c>
      <c r="P103" s="23">
        <v>4</v>
      </c>
      <c r="Q103" s="23">
        <v>4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1</v>
      </c>
      <c r="Q104" s="23">
        <v>1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236</v>
      </c>
      <c r="H105" s="17">
        <f t="shared" ref="H105:N105" si="10">SUM(H84:H104)</f>
        <v>1241</v>
      </c>
      <c r="I105" s="17">
        <f t="shared" si="10"/>
        <v>1173</v>
      </c>
      <c r="J105" s="17">
        <f t="shared" si="10"/>
        <v>1146</v>
      </c>
      <c r="K105" s="17">
        <f t="shared" si="10"/>
        <v>1118</v>
      </c>
      <c r="L105" s="17">
        <f t="shared" si="10"/>
        <v>1086</v>
      </c>
      <c r="M105" s="17">
        <f t="shared" si="10"/>
        <v>1062</v>
      </c>
      <c r="N105" s="17">
        <f t="shared" si="10"/>
        <v>1044</v>
      </c>
      <c r="O105" s="17">
        <f>SUM(O84:O104)</f>
        <v>1021</v>
      </c>
      <c r="P105" s="17">
        <f>SUM(P84:P104)</f>
        <v>998</v>
      </c>
      <c r="Q105" s="17">
        <f>SUM(Q84:Q104)</f>
        <v>98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23</v>
      </c>
      <c r="H110" s="8">
        <f t="shared" si="11"/>
        <v>103</v>
      </c>
      <c r="I110" s="8">
        <f t="shared" si="11"/>
        <v>90</v>
      </c>
      <c r="J110" s="8">
        <f t="shared" si="11"/>
        <v>84</v>
      </c>
      <c r="K110" s="8">
        <f t="shared" si="11"/>
        <v>73</v>
      </c>
      <c r="L110" s="8">
        <f t="shared" si="11"/>
        <v>72</v>
      </c>
      <c r="M110" s="8">
        <f t="shared" si="11"/>
        <v>69</v>
      </c>
      <c r="N110" s="8">
        <f t="shared" si="11"/>
        <v>66</v>
      </c>
      <c r="O110" s="8">
        <f t="shared" si="11"/>
        <v>65</v>
      </c>
      <c r="P110" s="8">
        <f t="shared" si="11"/>
        <v>66</v>
      </c>
      <c r="Q110" s="8">
        <v>64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843</v>
      </c>
      <c r="H111" s="11">
        <f t="shared" si="12"/>
        <v>847</v>
      </c>
      <c r="I111" s="11">
        <f t="shared" si="12"/>
        <v>755</v>
      </c>
      <c r="J111" s="11">
        <f t="shared" si="12"/>
        <v>725</v>
      </c>
      <c r="K111" s="11">
        <f t="shared" si="12"/>
        <v>702</v>
      </c>
      <c r="L111" s="11">
        <f t="shared" si="12"/>
        <v>666</v>
      </c>
      <c r="M111" s="11">
        <f t="shared" si="12"/>
        <v>627</v>
      </c>
      <c r="N111" s="11">
        <f t="shared" si="12"/>
        <v>609</v>
      </c>
      <c r="O111" s="11">
        <f t="shared" si="12"/>
        <v>586</v>
      </c>
      <c r="P111" s="11">
        <f t="shared" si="12"/>
        <v>553</v>
      </c>
      <c r="Q111" s="11">
        <v>542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70</v>
      </c>
      <c r="H112" s="14">
        <f t="shared" si="13"/>
        <v>291</v>
      </c>
      <c r="I112" s="14">
        <f t="shared" si="13"/>
        <v>328</v>
      </c>
      <c r="J112" s="14">
        <f t="shared" si="13"/>
        <v>337</v>
      </c>
      <c r="K112" s="14">
        <f t="shared" si="13"/>
        <v>343</v>
      </c>
      <c r="L112" s="14">
        <f t="shared" si="13"/>
        <v>348</v>
      </c>
      <c r="M112" s="14">
        <f t="shared" si="13"/>
        <v>366</v>
      </c>
      <c r="N112" s="14">
        <f t="shared" si="13"/>
        <v>369</v>
      </c>
      <c r="O112" s="14">
        <f t="shared" si="13"/>
        <v>370</v>
      </c>
      <c r="P112" s="14">
        <f t="shared" si="13"/>
        <v>379</v>
      </c>
      <c r="Q112" s="14">
        <v>37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236</v>
      </c>
      <c r="H113" s="17">
        <f t="shared" ref="H113:N113" si="14">SUM(H110:H112)</f>
        <v>1241</v>
      </c>
      <c r="I113" s="17">
        <f t="shared" si="14"/>
        <v>1173</v>
      </c>
      <c r="J113" s="17">
        <f t="shared" si="14"/>
        <v>1146</v>
      </c>
      <c r="K113" s="17">
        <f t="shared" si="14"/>
        <v>1118</v>
      </c>
      <c r="L113" s="17">
        <f t="shared" si="14"/>
        <v>1086</v>
      </c>
      <c r="M113" s="17">
        <f t="shared" si="14"/>
        <v>1062</v>
      </c>
      <c r="N113" s="17">
        <f t="shared" si="14"/>
        <v>1044</v>
      </c>
      <c r="O113" s="17">
        <f>SUM(O110:O112)</f>
        <v>1021</v>
      </c>
      <c r="P113" s="17">
        <f>SUM(P110:P112)</f>
        <v>998</v>
      </c>
      <c r="Q113" s="17">
        <f>SUM(Q110:Q112)</f>
        <v>98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0</v>
      </c>
      <c r="H118" s="49">
        <f t="shared" si="15"/>
        <v>8.3000000000000007</v>
      </c>
      <c r="I118" s="49">
        <f t="shared" si="15"/>
        <v>7.7</v>
      </c>
      <c r="J118" s="49">
        <f t="shared" si="15"/>
        <v>7.3</v>
      </c>
      <c r="K118" s="49">
        <f t="shared" si="15"/>
        <v>6.5</v>
      </c>
      <c r="L118" s="49">
        <f t="shared" si="15"/>
        <v>6.6</v>
      </c>
      <c r="M118" s="49">
        <f t="shared" si="15"/>
        <v>6.5</v>
      </c>
      <c r="N118" s="49">
        <f t="shared" si="15"/>
        <v>6.3</v>
      </c>
      <c r="O118" s="49">
        <f t="shared" si="15"/>
        <v>6.4</v>
      </c>
      <c r="P118" s="49">
        <f t="shared" si="15"/>
        <v>6.6</v>
      </c>
      <c r="Q118" s="49">
        <f t="shared" si="15"/>
        <v>6.5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8.2</v>
      </c>
      <c r="H119" s="50">
        <f t="shared" si="16"/>
        <v>68.3</v>
      </c>
      <c r="I119" s="50">
        <f t="shared" si="16"/>
        <v>64.400000000000006</v>
      </c>
      <c r="J119" s="50">
        <f t="shared" si="16"/>
        <v>63.3</v>
      </c>
      <c r="K119" s="50">
        <f t="shared" si="16"/>
        <v>62.8</v>
      </c>
      <c r="L119" s="50">
        <f t="shared" si="16"/>
        <v>61.3</v>
      </c>
      <c r="M119" s="50">
        <f t="shared" si="16"/>
        <v>59</v>
      </c>
      <c r="N119" s="50">
        <f t="shared" si="16"/>
        <v>58.3</v>
      </c>
      <c r="O119" s="50">
        <f t="shared" si="16"/>
        <v>57.4</v>
      </c>
      <c r="P119" s="50">
        <f t="shared" si="16"/>
        <v>55.4</v>
      </c>
      <c r="Q119" s="50">
        <f t="shared" si="16"/>
        <v>55.1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1.8</v>
      </c>
      <c r="H120" s="51">
        <f t="shared" si="17"/>
        <v>23.4</v>
      </c>
      <c r="I120" s="51">
        <f t="shared" si="17"/>
        <v>28</v>
      </c>
      <c r="J120" s="51">
        <f t="shared" si="17"/>
        <v>29.4</v>
      </c>
      <c r="K120" s="51">
        <f t="shared" si="17"/>
        <v>30.7</v>
      </c>
      <c r="L120" s="51">
        <f t="shared" si="17"/>
        <v>32</v>
      </c>
      <c r="M120" s="51">
        <f t="shared" si="17"/>
        <v>34.5</v>
      </c>
      <c r="N120" s="51">
        <f t="shared" si="17"/>
        <v>35.299999999999997</v>
      </c>
      <c r="O120" s="51">
        <f t="shared" si="17"/>
        <v>36.200000000000003</v>
      </c>
      <c r="P120" s="51">
        <f t="shared" si="17"/>
        <v>38</v>
      </c>
      <c r="Q120" s="51">
        <f t="shared" si="17"/>
        <v>38.4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31</v>
      </c>
      <c r="H130" s="8">
        <v>27</v>
      </c>
      <c r="I130" s="8">
        <v>19</v>
      </c>
      <c r="J130" s="8">
        <v>20</v>
      </c>
      <c r="K130" s="8">
        <v>19</v>
      </c>
      <c r="L130" s="8">
        <v>17</v>
      </c>
      <c r="M130" s="8">
        <v>20</v>
      </c>
      <c r="N130" s="21">
        <v>19</v>
      </c>
      <c r="O130" s="21">
        <v>18</v>
      </c>
      <c r="P130" s="21">
        <v>16</v>
      </c>
      <c r="Q130" s="21">
        <v>17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2</v>
      </c>
      <c r="H131" s="8">
        <v>30</v>
      </c>
      <c r="I131" s="8">
        <v>31</v>
      </c>
      <c r="J131" s="8">
        <v>22</v>
      </c>
      <c r="K131" s="8">
        <v>19</v>
      </c>
      <c r="L131" s="8">
        <v>19</v>
      </c>
      <c r="M131" s="8">
        <v>20</v>
      </c>
      <c r="N131" s="21">
        <v>19</v>
      </c>
      <c r="O131" s="21">
        <v>19</v>
      </c>
      <c r="P131" s="21">
        <v>20</v>
      </c>
      <c r="Q131" s="21">
        <v>16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6</v>
      </c>
      <c r="H132" s="8">
        <v>26</v>
      </c>
      <c r="I132" s="8">
        <v>31</v>
      </c>
      <c r="J132" s="8">
        <v>31</v>
      </c>
      <c r="K132" s="8">
        <v>32</v>
      </c>
      <c r="L132" s="8">
        <v>28</v>
      </c>
      <c r="M132" s="8">
        <v>27</v>
      </c>
      <c r="N132" s="21">
        <v>31</v>
      </c>
      <c r="O132" s="21">
        <v>25</v>
      </c>
      <c r="P132" s="21">
        <v>23</v>
      </c>
      <c r="Q132" s="21">
        <v>23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59</v>
      </c>
      <c r="H133" s="11">
        <v>35</v>
      </c>
      <c r="I133" s="11">
        <v>28</v>
      </c>
      <c r="J133" s="11">
        <v>25</v>
      </c>
      <c r="K133" s="11">
        <v>25</v>
      </c>
      <c r="L133" s="11">
        <v>32</v>
      </c>
      <c r="M133" s="11">
        <v>36</v>
      </c>
      <c r="N133" s="22">
        <v>33</v>
      </c>
      <c r="O133" s="22">
        <v>33</v>
      </c>
      <c r="P133" s="22">
        <v>34</v>
      </c>
      <c r="Q133" s="22">
        <v>31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55</v>
      </c>
      <c r="H134" s="11">
        <v>60</v>
      </c>
      <c r="I134" s="11">
        <v>33</v>
      </c>
      <c r="J134" s="11">
        <v>39</v>
      </c>
      <c r="K134" s="11">
        <v>37</v>
      </c>
      <c r="L134" s="11">
        <v>30</v>
      </c>
      <c r="M134" s="11">
        <v>26</v>
      </c>
      <c r="N134" s="22">
        <v>26</v>
      </c>
      <c r="O134" s="22">
        <v>30</v>
      </c>
      <c r="P134" s="22">
        <v>31</v>
      </c>
      <c r="Q134" s="22">
        <v>31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66</v>
      </c>
      <c r="H135" s="11">
        <v>41</v>
      </c>
      <c r="I135" s="11">
        <v>61</v>
      </c>
      <c r="J135" s="11">
        <v>41</v>
      </c>
      <c r="K135" s="11">
        <v>40</v>
      </c>
      <c r="L135" s="11">
        <v>42</v>
      </c>
      <c r="M135" s="11">
        <v>37</v>
      </c>
      <c r="N135" s="22">
        <v>25</v>
      </c>
      <c r="O135" s="22">
        <v>24</v>
      </c>
      <c r="P135" s="22">
        <v>19</v>
      </c>
      <c r="Q135" s="22">
        <v>1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50</v>
      </c>
      <c r="H136" s="11">
        <v>57</v>
      </c>
      <c r="I136" s="11">
        <v>47</v>
      </c>
      <c r="J136" s="11">
        <v>50</v>
      </c>
      <c r="K136" s="11">
        <v>41</v>
      </c>
      <c r="L136" s="11">
        <v>42</v>
      </c>
      <c r="M136" s="11">
        <v>51</v>
      </c>
      <c r="N136" s="22">
        <v>53</v>
      </c>
      <c r="O136" s="22">
        <v>46</v>
      </c>
      <c r="P136" s="22">
        <v>39</v>
      </c>
      <c r="Q136" s="22">
        <v>3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49</v>
      </c>
      <c r="H137" s="11">
        <v>48</v>
      </c>
      <c r="I137" s="11">
        <v>54</v>
      </c>
      <c r="J137" s="11">
        <v>51</v>
      </c>
      <c r="K137" s="11">
        <v>52</v>
      </c>
      <c r="L137" s="11">
        <v>49</v>
      </c>
      <c r="M137" s="11">
        <v>45</v>
      </c>
      <c r="N137" s="22">
        <v>45</v>
      </c>
      <c r="O137" s="22">
        <v>50</v>
      </c>
      <c r="P137" s="22">
        <v>44</v>
      </c>
      <c r="Q137" s="22">
        <v>4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63</v>
      </c>
      <c r="H138" s="11">
        <v>58</v>
      </c>
      <c r="I138" s="11">
        <v>46</v>
      </c>
      <c r="J138" s="11">
        <v>45</v>
      </c>
      <c r="K138" s="11">
        <v>52</v>
      </c>
      <c r="L138" s="11">
        <v>58</v>
      </c>
      <c r="M138" s="11">
        <v>55</v>
      </c>
      <c r="N138" s="22">
        <v>51</v>
      </c>
      <c r="O138" s="22">
        <v>46</v>
      </c>
      <c r="P138" s="22">
        <v>53</v>
      </c>
      <c r="Q138" s="22">
        <v>54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93</v>
      </c>
      <c r="H139" s="11">
        <v>66</v>
      </c>
      <c r="I139" s="11">
        <v>59</v>
      </c>
      <c r="J139" s="11">
        <v>60</v>
      </c>
      <c r="K139" s="11">
        <v>57</v>
      </c>
      <c r="L139" s="11">
        <v>49</v>
      </c>
      <c r="M139" s="11">
        <v>45</v>
      </c>
      <c r="N139" s="22">
        <v>42</v>
      </c>
      <c r="O139" s="22">
        <v>45</v>
      </c>
      <c r="P139" s="22">
        <v>53</v>
      </c>
      <c r="Q139" s="22">
        <v>62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95</v>
      </c>
      <c r="H140" s="11">
        <v>97</v>
      </c>
      <c r="I140" s="11">
        <v>67</v>
      </c>
      <c r="J140" s="11">
        <v>58</v>
      </c>
      <c r="K140" s="11">
        <v>59</v>
      </c>
      <c r="L140" s="11">
        <v>52</v>
      </c>
      <c r="M140" s="11">
        <v>56</v>
      </c>
      <c r="N140" s="22">
        <v>58</v>
      </c>
      <c r="O140" s="22">
        <v>60</v>
      </c>
      <c r="P140" s="22">
        <v>58</v>
      </c>
      <c r="Q140" s="22">
        <v>50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07</v>
      </c>
      <c r="H141" s="11">
        <v>102</v>
      </c>
      <c r="I141" s="11">
        <v>94</v>
      </c>
      <c r="J141" s="11">
        <v>101</v>
      </c>
      <c r="K141" s="11">
        <v>79</v>
      </c>
      <c r="L141" s="11">
        <v>79</v>
      </c>
      <c r="M141" s="11">
        <v>63</v>
      </c>
      <c r="N141" s="22">
        <v>67</v>
      </c>
      <c r="O141" s="22">
        <v>56</v>
      </c>
      <c r="P141" s="22">
        <v>62</v>
      </c>
      <c r="Q141" s="22">
        <v>55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82</v>
      </c>
      <c r="H142" s="11">
        <v>111</v>
      </c>
      <c r="I142" s="11">
        <v>102</v>
      </c>
      <c r="J142" s="11">
        <v>97</v>
      </c>
      <c r="K142" s="11">
        <v>113</v>
      </c>
      <c r="L142" s="11">
        <v>103</v>
      </c>
      <c r="M142" s="11">
        <v>104</v>
      </c>
      <c r="N142" s="22">
        <v>95</v>
      </c>
      <c r="O142" s="22">
        <v>101</v>
      </c>
      <c r="P142" s="22">
        <v>78</v>
      </c>
      <c r="Q142" s="22">
        <v>79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75</v>
      </c>
      <c r="H143" s="14">
        <v>82</v>
      </c>
      <c r="I143" s="14">
        <v>105</v>
      </c>
      <c r="J143" s="14">
        <v>111</v>
      </c>
      <c r="K143" s="14">
        <v>94</v>
      </c>
      <c r="L143" s="14">
        <v>94</v>
      </c>
      <c r="M143" s="14">
        <v>97</v>
      </c>
      <c r="N143" s="23">
        <v>91</v>
      </c>
      <c r="O143" s="23">
        <v>89</v>
      </c>
      <c r="P143" s="23">
        <v>104</v>
      </c>
      <c r="Q143" s="23">
        <v>97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04</v>
      </c>
      <c r="H144" s="14">
        <v>74</v>
      </c>
      <c r="I144" s="14">
        <v>74</v>
      </c>
      <c r="J144" s="14">
        <v>70</v>
      </c>
      <c r="K144" s="14">
        <v>78</v>
      </c>
      <c r="L144" s="14">
        <v>89</v>
      </c>
      <c r="M144" s="14">
        <v>90</v>
      </c>
      <c r="N144" s="23">
        <v>96</v>
      </c>
      <c r="O144" s="23">
        <v>98</v>
      </c>
      <c r="P144" s="23">
        <v>84</v>
      </c>
      <c r="Q144" s="23">
        <v>8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83</v>
      </c>
      <c r="H145" s="14">
        <v>97</v>
      </c>
      <c r="I145" s="14">
        <v>69</v>
      </c>
      <c r="J145" s="14">
        <v>62</v>
      </c>
      <c r="K145" s="14">
        <v>61</v>
      </c>
      <c r="L145" s="14">
        <v>59</v>
      </c>
      <c r="M145" s="14">
        <v>64</v>
      </c>
      <c r="N145" s="23">
        <v>70</v>
      </c>
      <c r="O145" s="23">
        <v>69</v>
      </c>
      <c r="P145" s="23">
        <v>75</v>
      </c>
      <c r="Q145" s="23">
        <v>82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50</v>
      </c>
      <c r="H146" s="14">
        <v>77</v>
      </c>
      <c r="I146" s="14">
        <v>86</v>
      </c>
      <c r="J146" s="14">
        <v>84</v>
      </c>
      <c r="K146" s="14">
        <v>84</v>
      </c>
      <c r="L146" s="14">
        <v>74</v>
      </c>
      <c r="M146" s="14">
        <v>67</v>
      </c>
      <c r="N146" s="23">
        <v>64</v>
      </c>
      <c r="O146" s="23">
        <v>58</v>
      </c>
      <c r="P146" s="23">
        <v>56</v>
      </c>
      <c r="Q146" s="23">
        <v>57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40</v>
      </c>
      <c r="H147" s="14">
        <v>40</v>
      </c>
      <c r="I147" s="14">
        <v>66</v>
      </c>
      <c r="J147" s="14">
        <v>62</v>
      </c>
      <c r="K147" s="14">
        <v>69</v>
      </c>
      <c r="L147" s="14">
        <v>76</v>
      </c>
      <c r="M147" s="14">
        <v>79</v>
      </c>
      <c r="N147" s="23">
        <v>73</v>
      </c>
      <c r="O147" s="23">
        <v>72</v>
      </c>
      <c r="P147" s="23">
        <v>72</v>
      </c>
      <c r="Q147" s="23">
        <v>65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2</v>
      </c>
      <c r="H148" s="14">
        <v>18</v>
      </c>
      <c r="I148" s="14">
        <v>17</v>
      </c>
      <c r="J148" s="14">
        <v>31</v>
      </c>
      <c r="K148" s="14">
        <v>31</v>
      </c>
      <c r="L148" s="14">
        <v>34</v>
      </c>
      <c r="M148" s="14">
        <v>41</v>
      </c>
      <c r="N148" s="23">
        <v>45</v>
      </c>
      <c r="O148" s="23">
        <v>44</v>
      </c>
      <c r="P148" s="23">
        <v>49</v>
      </c>
      <c r="Q148" s="23">
        <v>52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</v>
      </c>
      <c r="H149" s="14">
        <v>9</v>
      </c>
      <c r="I149" s="14">
        <v>9</v>
      </c>
      <c r="J149" s="14">
        <v>9</v>
      </c>
      <c r="K149" s="14">
        <v>8</v>
      </c>
      <c r="L149" s="14">
        <v>7</v>
      </c>
      <c r="M149" s="14">
        <v>10</v>
      </c>
      <c r="N149" s="23">
        <v>9</v>
      </c>
      <c r="O149" s="23">
        <v>15</v>
      </c>
      <c r="P149" s="23">
        <v>14</v>
      </c>
      <c r="Q149" s="23">
        <v>16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1</v>
      </c>
      <c r="I150" s="14">
        <v>2</v>
      </c>
      <c r="J150" s="14">
        <v>2</v>
      </c>
      <c r="K150" s="14">
        <v>2</v>
      </c>
      <c r="L150" s="14">
        <v>2</v>
      </c>
      <c r="M150" s="14">
        <v>3</v>
      </c>
      <c r="N150" s="23">
        <v>4</v>
      </c>
      <c r="O150" s="23">
        <v>4</v>
      </c>
      <c r="P150" s="23">
        <v>2</v>
      </c>
      <c r="Q150" s="23">
        <v>1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187</v>
      </c>
      <c r="H151" s="17">
        <f t="shared" ref="H151:N151" si="18">SUM(H130:H150)</f>
        <v>1156</v>
      </c>
      <c r="I151" s="17">
        <f t="shared" si="18"/>
        <v>1100</v>
      </c>
      <c r="J151" s="17">
        <f t="shared" si="18"/>
        <v>1071</v>
      </c>
      <c r="K151" s="17">
        <f t="shared" si="18"/>
        <v>1052</v>
      </c>
      <c r="L151" s="17">
        <f t="shared" si="18"/>
        <v>1035</v>
      </c>
      <c r="M151" s="17">
        <f t="shared" si="18"/>
        <v>1036</v>
      </c>
      <c r="N151" s="17">
        <f t="shared" si="18"/>
        <v>1016</v>
      </c>
      <c r="O151" s="17">
        <f>SUM(O130:O150)</f>
        <v>1002</v>
      </c>
      <c r="P151" s="17">
        <f>SUM(P130:P150)</f>
        <v>986</v>
      </c>
      <c r="Q151" s="17">
        <f>SUM(Q130:Q150)</f>
        <v>971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89</v>
      </c>
      <c r="H156" s="8">
        <f t="shared" si="19"/>
        <v>83</v>
      </c>
      <c r="I156" s="8">
        <f t="shared" si="19"/>
        <v>81</v>
      </c>
      <c r="J156" s="8">
        <f t="shared" si="19"/>
        <v>73</v>
      </c>
      <c r="K156" s="8">
        <f t="shared" si="19"/>
        <v>70</v>
      </c>
      <c r="L156" s="8">
        <f t="shared" si="19"/>
        <v>64</v>
      </c>
      <c r="M156" s="8">
        <f t="shared" si="19"/>
        <v>67</v>
      </c>
      <c r="N156" s="8">
        <f t="shared" si="19"/>
        <v>69</v>
      </c>
      <c r="O156" s="8">
        <f t="shared" si="19"/>
        <v>62</v>
      </c>
      <c r="P156" s="8">
        <f t="shared" si="19"/>
        <v>59</v>
      </c>
      <c r="Q156" s="8">
        <v>5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719</v>
      </c>
      <c r="H157" s="11">
        <f t="shared" si="20"/>
        <v>675</v>
      </c>
      <c r="I157" s="11">
        <f t="shared" si="20"/>
        <v>591</v>
      </c>
      <c r="J157" s="11">
        <f t="shared" si="20"/>
        <v>567</v>
      </c>
      <c r="K157" s="11">
        <f t="shared" si="20"/>
        <v>555</v>
      </c>
      <c r="L157" s="11">
        <f t="shared" si="20"/>
        <v>536</v>
      </c>
      <c r="M157" s="11">
        <f t="shared" si="20"/>
        <v>518</v>
      </c>
      <c r="N157" s="11">
        <f t="shared" si="20"/>
        <v>495</v>
      </c>
      <c r="O157" s="11">
        <f t="shared" si="20"/>
        <v>491</v>
      </c>
      <c r="P157" s="11">
        <f t="shared" si="20"/>
        <v>471</v>
      </c>
      <c r="Q157" s="11">
        <v>459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379</v>
      </c>
      <c r="H158" s="14">
        <f t="shared" si="21"/>
        <v>398</v>
      </c>
      <c r="I158" s="14">
        <f t="shared" si="21"/>
        <v>428</v>
      </c>
      <c r="J158" s="14">
        <f t="shared" si="21"/>
        <v>431</v>
      </c>
      <c r="K158" s="14">
        <f t="shared" si="21"/>
        <v>427</v>
      </c>
      <c r="L158" s="14">
        <f t="shared" si="21"/>
        <v>435</v>
      </c>
      <c r="M158" s="14">
        <f t="shared" si="21"/>
        <v>451</v>
      </c>
      <c r="N158" s="14">
        <f t="shared" si="21"/>
        <v>452</v>
      </c>
      <c r="O158" s="14">
        <f t="shared" si="21"/>
        <v>449</v>
      </c>
      <c r="P158" s="14">
        <f t="shared" si="21"/>
        <v>456</v>
      </c>
      <c r="Q158" s="14">
        <v>45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187</v>
      </c>
      <c r="H159" s="17">
        <f t="shared" ref="H159:N159" si="22">SUM(H156:H158)</f>
        <v>1156</v>
      </c>
      <c r="I159" s="17">
        <f t="shared" si="22"/>
        <v>1100</v>
      </c>
      <c r="J159" s="17">
        <f t="shared" si="22"/>
        <v>1071</v>
      </c>
      <c r="K159" s="17">
        <f t="shared" si="22"/>
        <v>1052</v>
      </c>
      <c r="L159" s="17">
        <f t="shared" si="22"/>
        <v>1035</v>
      </c>
      <c r="M159" s="17">
        <f t="shared" si="22"/>
        <v>1036</v>
      </c>
      <c r="N159" s="17">
        <f t="shared" si="22"/>
        <v>1016</v>
      </c>
      <c r="O159" s="17">
        <f>SUM(O156:O158)</f>
        <v>1002</v>
      </c>
      <c r="P159" s="17">
        <f>SUM(P156:P158)</f>
        <v>986</v>
      </c>
      <c r="Q159" s="17">
        <f>SUM(Q156:Q158)</f>
        <v>971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7.5</v>
      </c>
      <c r="H164" s="49">
        <f t="shared" si="23"/>
        <v>7.2</v>
      </c>
      <c r="I164" s="49">
        <f t="shared" si="23"/>
        <v>7.4</v>
      </c>
      <c r="J164" s="49">
        <f t="shared" si="23"/>
        <v>6.8</v>
      </c>
      <c r="K164" s="49">
        <f t="shared" si="23"/>
        <v>6.7</v>
      </c>
      <c r="L164" s="49">
        <f t="shared" si="23"/>
        <v>6.2</v>
      </c>
      <c r="M164" s="49">
        <f t="shared" si="23"/>
        <v>6.5</v>
      </c>
      <c r="N164" s="49">
        <f t="shared" si="23"/>
        <v>6.8</v>
      </c>
      <c r="O164" s="49">
        <f t="shared" si="23"/>
        <v>6.2</v>
      </c>
      <c r="P164" s="49">
        <f t="shared" si="23"/>
        <v>6</v>
      </c>
      <c r="Q164" s="49">
        <f t="shared" si="23"/>
        <v>5.8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0.6</v>
      </c>
      <c r="H165" s="50">
        <f t="shared" si="24"/>
        <v>58.4</v>
      </c>
      <c r="I165" s="50">
        <f t="shared" si="24"/>
        <v>53.7</v>
      </c>
      <c r="J165" s="50">
        <f t="shared" si="24"/>
        <v>52.9</v>
      </c>
      <c r="K165" s="50">
        <f t="shared" si="24"/>
        <v>52.8</v>
      </c>
      <c r="L165" s="50">
        <f t="shared" si="24"/>
        <v>51.8</v>
      </c>
      <c r="M165" s="50">
        <f t="shared" si="24"/>
        <v>50</v>
      </c>
      <c r="N165" s="50">
        <f t="shared" si="24"/>
        <v>48.7</v>
      </c>
      <c r="O165" s="50">
        <f t="shared" si="24"/>
        <v>49</v>
      </c>
      <c r="P165" s="50">
        <f t="shared" si="24"/>
        <v>47.8</v>
      </c>
      <c r="Q165" s="50">
        <f t="shared" si="24"/>
        <v>47.3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31.9</v>
      </c>
      <c r="H166" s="51">
        <f t="shared" si="25"/>
        <v>34.4</v>
      </c>
      <c r="I166" s="51">
        <f t="shared" si="25"/>
        <v>38.9</v>
      </c>
      <c r="J166" s="51">
        <f t="shared" si="25"/>
        <v>40.200000000000003</v>
      </c>
      <c r="K166" s="51">
        <f t="shared" si="25"/>
        <v>40.6</v>
      </c>
      <c r="L166" s="51">
        <f t="shared" si="25"/>
        <v>42</v>
      </c>
      <c r="M166" s="51">
        <f t="shared" si="25"/>
        <v>43.5</v>
      </c>
      <c r="N166" s="51">
        <f t="shared" si="25"/>
        <v>44.5</v>
      </c>
      <c r="O166" s="51">
        <f t="shared" si="25"/>
        <v>44.8</v>
      </c>
      <c r="P166" s="51">
        <f t="shared" si="25"/>
        <v>46.2</v>
      </c>
      <c r="Q166" s="51">
        <f t="shared" si="25"/>
        <v>47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D4AF175-A79E-42C9-95A6-DC40CEB30B98}">
  <sheetPr codeName="Sheet59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5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568</v>
      </c>
      <c r="H5" s="8">
        <f t="shared" si="0"/>
        <v>463</v>
      </c>
      <c r="I5" s="8">
        <f t="shared" si="0"/>
        <v>386</v>
      </c>
      <c r="J5" s="8">
        <f t="shared" si="0"/>
        <v>354</v>
      </c>
      <c r="K5" s="8">
        <f t="shared" si="0"/>
        <v>353</v>
      </c>
      <c r="L5" s="8">
        <f t="shared" si="0"/>
        <v>326</v>
      </c>
      <c r="M5" s="8">
        <f t="shared" si="0"/>
        <v>324</v>
      </c>
      <c r="N5" s="8">
        <f t="shared" si="0"/>
        <v>287</v>
      </c>
      <c r="O5" s="8">
        <f t="shared" si="0"/>
        <v>267</v>
      </c>
      <c r="P5" s="8">
        <f t="shared" si="0"/>
        <v>269</v>
      </c>
      <c r="Q5" s="8">
        <f t="shared" si="0"/>
        <v>242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603</v>
      </c>
      <c r="H6" s="8">
        <f t="shared" si="0"/>
        <v>589</v>
      </c>
      <c r="I6" s="8">
        <f t="shared" si="0"/>
        <v>442</v>
      </c>
      <c r="J6" s="8">
        <f t="shared" si="0"/>
        <v>447</v>
      </c>
      <c r="K6" s="8">
        <f t="shared" si="0"/>
        <v>429</v>
      </c>
      <c r="L6" s="8">
        <f t="shared" si="0"/>
        <v>416</v>
      </c>
      <c r="M6" s="8">
        <f t="shared" si="0"/>
        <v>392</v>
      </c>
      <c r="N6" s="8">
        <f t="shared" si="0"/>
        <v>372</v>
      </c>
      <c r="O6" s="8">
        <f t="shared" si="0"/>
        <v>338</v>
      </c>
      <c r="P6" s="8">
        <f t="shared" si="0"/>
        <v>333</v>
      </c>
      <c r="Q6" s="8">
        <f t="shared" si="0"/>
        <v>317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680</v>
      </c>
      <c r="H7" s="8">
        <f t="shared" si="0"/>
        <v>623</v>
      </c>
      <c r="I7" s="8">
        <f t="shared" si="0"/>
        <v>585</v>
      </c>
      <c r="J7" s="8">
        <f t="shared" si="0"/>
        <v>564</v>
      </c>
      <c r="K7" s="8">
        <f t="shared" si="0"/>
        <v>494</v>
      </c>
      <c r="L7" s="8">
        <f t="shared" si="0"/>
        <v>474</v>
      </c>
      <c r="M7" s="8">
        <f t="shared" si="0"/>
        <v>445</v>
      </c>
      <c r="N7" s="8">
        <f t="shared" si="0"/>
        <v>421</v>
      </c>
      <c r="O7" s="8">
        <f t="shared" si="0"/>
        <v>420</v>
      </c>
      <c r="P7" s="8">
        <f t="shared" si="0"/>
        <v>419</v>
      </c>
      <c r="Q7" s="8">
        <f t="shared" si="0"/>
        <v>409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698</v>
      </c>
      <c r="H8" s="11">
        <f t="shared" si="0"/>
        <v>656</v>
      </c>
      <c r="I8" s="11">
        <f t="shared" si="0"/>
        <v>615</v>
      </c>
      <c r="J8" s="11">
        <f t="shared" si="0"/>
        <v>615</v>
      </c>
      <c r="K8" s="11">
        <f t="shared" si="0"/>
        <v>643</v>
      </c>
      <c r="L8" s="11">
        <f t="shared" si="0"/>
        <v>609</v>
      </c>
      <c r="M8" s="11">
        <f t="shared" si="0"/>
        <v>591</v>
      </c>
      <c r="N8" s="11">
        <f t="shared" si="0"/>
        <v>555</v>
      </c>
      <c r="O8" s="11">
        <f t="shared" si="0"/>
        <v>527</v>
      </c>
      <c r="P8" s="11">
        <f t="shared" si="0"/>
        <v>461</v>
      </c>
      <c r="Q8" s="11">
        <f t="shared" si="0"/>
        <v>442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694</v>
      </c>
      <c r="H9" s="11">
        <f t="shared" si="0"/>
        <v>673</v>
      </c>
      <c r="I9" s="11">
        <f t="shared" si="0"/>
        <v>601</v>
      </c>
      <c r="J9" s="11">
        <f t="shared" si="0"/>
        <v>592</v>
      </c>
      <c r="K9" s="11">
        <f t="shared" si="0"/>
        <v>576</v>
      </c>
      <c r="L9" s="11">
        <f t="shared" si="0"/>
        <v>615</v>
      </c>
      <c r="M9" s="11">
        <f t="shared" si="0"/>
        <v>589</v>
      </c>
      <c r="N9" s="11">
        <f t="shared" si="0"/>
        <v>576</v>
      </c>
      <c r="O9" s="11">
        <f t="shared" si="0"/>
        <v>578</v>
      </c>
      <c r="P9" s="11">
        <f t="shared" si="0"/>
        <v>581</v>
      </c>
      <c r="Q9" s="11">
        <f t="shared" si="0"/>
        <v>548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704</v>
      </c>
      <c r="H10" s="11">
        <f t="shared" si="0"/>
        <v>666</v>
      </c>
      <c r="I10" s="11">
        <f t="shared" si="0"/>
        <v>608</v>
      </c>
      <c r="J10" s="11">
        <f t="shared" si="0"/>
        <v>566</v>
      </c>
      <c r="K10" s="11">
        <f t="shared" si="0"/>
        <v>534</v>
      </c>
      <c r="L10" s="11">
        <f t="shared" si="0"/>
        <v>474</v>
      </c>
      <c r="M10" s="11">
        <f t="shared" si="0"/>
        <v>504</v>
      </c>
      <c r="N10" s="11">
        <f t="shared" si="0"/>
        <v>514</v>
      </c>
      <c r="O10" s="11">
        <f t="shared" si="0"/>
        <v>502</v>
      </c>
      <c r="P10" s="11">
        <f t="shared" si="0"/>
        <v>494</v>
      </c>
      <c r="Q10" s="11">
        <f t="shared" si="0"/>
        <v>502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930</v>
      </c>
      <c r="H11" s="11">
        <f t="shared" si="0"/>
        <v>655</v>
      </c>
      <c r="I11" s="11">
        <f t="shared" si="0"/>
        <v>632</v>
      </c>
      <c r="J11" s="11">
        <f t="shared" si="0"/>
        <v>617</v>
      </c>
      <c r="K11" s="11">
        <f t="shared" si="0"/>
        <v>590</v>
      </c>
      <c r="L11" s="11">
        <f t="shared" si="0"/>
        <v>579</v>
      </c>
      <c r="M11" s="11">
        <f t="shared" si="0"/>
        <v>560</v>
      </c>
      <c r="N11" s="11">
        <f t="shared" si="0"/>
        <v>516</v>
      </c>
      <c r="O11" s="11">
        <f t="shared" si="0"/>
        <v>492</v>
      </c>
      <c r="P11" s="11">
        <f t="shared" si="0"/>
        <v>486</v>
      </c>
      <c r="Q11" s="11">
        <f t="shared" si="0"/>
        <v>447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848</v>
      </c>
      <c r="H12" s="11">
        <f t="shared" si="0"/>
        <v>900</v>
      </c>
      <c r="I12" s="11">
        <f t="shared" si="0"/>
        <v>659</v>
      </c>
      <c r="J12" s="11">
        <f t="shared" si="0"/>
        <v>624</v>
      </c>
      <c r="K12" s="11">
        <f t="shared" si="0"/>
        <v>627</v>
      </c>
      <c r="L12" s="11">
        <f t="shared" si="0"/>
        <v>594</v>
      </c>
      <c r="M12" s="11">
        <f t="shared" si="0"/>
        <v>570</v>
      </c>
      <c r="N12" s="11">
        <f t="shared" si="0"/>
        <v>559</v>
      </c>
      <c r="O12" s="11">
        <f t="shared" si="0"/>
        <v>544</v>
      </c>
      <c r="P12" s="11">
        <f t="shared" si="0"/>
        <v>539</v>
      </c>
      <c r="Q12" s="11">
        <f t="shared" si="0"/>
        <v>544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811</v>
      </c>
      <c r="H13" s="11">
        <f t="shared" si="0"/>
        <v>859</v>
      </c>
      <c r="I13" s="11">
        <f t="shared" si="0"/>
        <v>884</v>
      </c>
      <c r="J13" s="11">
        <f t="shared" si="0"/>
        <v>823</v>
      </c>
      <c r="K13" s="11">
        <f t="shared" si="0"/>
        <v>755</v>
      </c>
      <c r="L13" s="11">
        <f t="shared" si="0"/>
        <v>722</v>
      </c>
      <c r="M13" s="11">
        <f t="shared" si="0"/>
        <v>683</v>
      </c>
      <c r="N13" s="11">
        <f t="shared" si="0"/>
        <v>627</v>
      </c>
      <c r="O13" s="11">
        <f t="shared" si="0"/>
        <v>606</v>
      </c>
      <c r="P13" s="11">
        <f t="shared" si="0"/>
        <v>594</v>
      </c>
      <c r="Q13" s="11">
        <f t="shared" si="0"/>
        <v>558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846</v>
      </c>
      <c r="H14" s="11">
        <f t="shared" si="0"/>
        <v>795</v>
      </c>
      <c r="I14" s="11">
        <f t="shared" si="0"/>
        <v>839</v>
      </c>
      <c r="J14" s="11">
        <f t="shared" si="0"/>
        <v>887</v>
      </c>
      <c r="K14" s="11">
        <f t="shared" si="0"/>
        <v>877</v>
      </c>
      <c r="L14" s="11">
        <f t="shared" si="0"/>
        <v>887</v>
      </c>
      <c r="M14" s="11">
        <f t="shared" si="0"/>
        <v>857</v>
      </c>
      <c r="N14" s="11">
        <f t="shared" si="0"/>
        <v>869</v>
      </c>
      <c r="O14" s="11">
        <f t="shared" si="0"/>
        <v>808</v>
      </c>
      <c r="P14" s="11">
        <f t="shared" si="0"/>
        <v>747</v>
      </c>
      <c r="Q14" s="11">
        <f t="shared" si="0"/>
        <v>722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870</v>
      </c>
      <c r="H15" s="11">
        <f t="shared" si="0"/>
        <v>817</v>
      </c>
      <c r="I15" s="11">
        <f t="shared" si="0"/>
        <v>800</v>
      </c>
      <c r="J15" s="11">
        <f t="shared" si="0"/>
        <v>773</v>
      </c>
      <c r="K15" s="11">
        <f t="shared" si="0"/>
        <v>817</v>
      </c>
      <c r="L15" s="11">
        <f t="shared" si="0"/>
        <v>816</v>
      </c>
      <c r="M15" s="11">
        <f t="shared" si="0"/>
        <v>820</v>
      </c>
      <c r="N15" s="11">
        <f t="shared" si="0"/>
        <v>811</v>
      </c>
      <c r="O15" s="11">
        <f t="shared" si="0"/>
        <v>857</v>
      </c>
      <c r="P15" s="11">
        <f t="shared" si="0"/>
        <v>859</v>
      </c>
      <c r="Q15" s="11">
        <f t="shared" si="0"/>
        <v>866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968</v>
      </c>
      <c r="H16" s="11">
        <f t="shared" si="0"/>
        <v>848</v>
      </c>
      <c r="I16" s="11">
        <f t="shared" si="0"/>
        <v>808</v>
      </c>
      <c r="J16" s="11">
        <f t="shared" si="0"/>
        <v>819</v>
      </c>
      <c r="K16" s="11">
        <f t="shared" si="0"/>
        <v>822</v>
      </c>
      <c r="L16" s="11">
        <f t="shared" si="0"/>
        <v>808</v>
      </c>
      <c r="M16" s="11">
        <f t="shared" si="0"/>
        <v>804</v>
      </c>
      <c r="N16" s="11">
        <f t="shared" si="0"/>
        <v>788</v>
      </c>
      <c r="O16" s="11">
        <f t="shared" si="0"/>
        <v>762</v>
      </c>
      <c r="P16" s="11">
        <f t="shared" si="0"/>
        <v>789</v>
      </c>
      <c r="Q16" s="11">
        <f t="shared" si="0"/>
        <v>797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885</v>
      </c>
      <c r="H17" s="11">
        <f t="shared" si="0"/>
        <v>960</v>
      </c>
      <c r="I17" s="11">
        <f t="shared" si="0"/>
        <v>834</v>
      </c>
      <c r="J17" s="11">
        <f t="shared" si="0"/>
        <v>814</v>
      </c>
      <c r="K17" s="11">
        <f t="shared" si="0"/>
        <v>800</v>
      </c>
      <c r="L17" s="11">
        <f t="shared" si="0"/>
        <v>796</v>
      </c>
      <c r="M17" s="11">
        <f t="shared" si="0"/>
        <v>792</v>
      </c>
      <c r="N17" s="11">
        <f t="shared" si="0"/>
        <v>785</v>
      </c>
      <c r="O17" s="11">
        <f t="shared" si="0"/>
        <v>795</v>
      </c>
      <c r="P17" s="11">
        <f t="shared" si="0"/>
        <v>799</v>
      </c>
      <c r="Q17" s="11">
        <f t="shared" si="0"/>
        <v>784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759</v>
      </c>
      <c r="H18" s="14">
        <f t="shared" si="0"/>
        <v>876</v>
      </c>
      <c r="I18" s="14">
        <f t="shared" si="0"/>
        <v>928</v>
      </c>
      <c r="J18" s="14">
        <f t="shared" si="0"/>
        <v>985</v>
      </c>
      <c r="K18" s="14">
        <f t="shared" si="0"/>
        <v>899</v>
      </c>
      <c r="L18" s="14">
        <f t="shared" si="0"/>
        <v>855</v>
      </c>
      <c r="M18" s="14">
        <f t="shared" si="0"/>
        <v>811</v>
      </c>
      <c r="N18" s="14">
        <f t="shared" si="0"/>
        <v>800</v>
      </c>
      <c r="O18" s="14">
        <f t="shared" si="0"/>
        <v>788</v>
      </c>
      <c r="P18" s="14">
        <f t="shared" si="0"/>
        <v>772</v>
      </c>
      <c r="Q18" s="14">
        <f t="shared" si="0"/>
        <v>77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765</v>
      </c>
      <c r="H19" s="14">
        <f t="shared" si="0"/>
        <v>723</v>
      </c>
      <c r="I19" s="14">
        <f t="shared" si="0"/>
        <v>846</v>
      </c>
      <c r="J19" s="14">
        <f t="shared" si="0"/>
        <v>777</v>
      </c>
      <c r="K19" s="14">
        <f t="shared" si="0"/>
        <v>808</v>
      </c>
      <c r="L19" s="14">
        <f t="shared" si="0"/>
        <v>850</v>
      </c>
      <c r="M19" s="14">
        <f t="shared" si="0"/>
        <v>867</v>
      </c>
      <c r="N19" s="14">
        <f t="shared" si="0"/>
        <v>895</v>
      </c>
      <c r="O19" s="14">
        <f t="shared" si="0"/>
        <v>935</v>
      </c>
      <c r="P19" s="14">
        <f t="shared" si="0"/>
        <v>852</v>
      </c>
      <c r="Q19" s="14">
        <f t="shared" si="0"/>
        <v>802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564</v>
      </c>
      <c r="H20" s="14">
        <f t="shared" si="0"/>
        <v>700</v>
      </c>
      <c r="I20" s="14">
        <f t="shared" si="0"/>
        <v>669</v>
      </c>
      <c r="J20" s="14">
        <f t="shared" si="0"/>
        <v>690</v>
      </c>
      <c r="K20" s="14">
        <f t="shared" si="0"/>
        <v>756</v>
      </c>
      <c r="L20" s="14">
        <f t="shared" si="0"/>
        <v>780</v>
      </c>
      <c r="M20" s="14">
        <f t="shared" si="0"/>
        <v>805</v>
      </c>
      <c r="N20" s="14">
        <f t="shared" si="0"/>
        <v>777</v>
      </c>
      <c r="O20" s="14">
        <f t="shared" si="0"/>
        <v>711</v>
      </c>
      <c r="P20" s="14">
        <f t="shared" si="0"/>
        <v>754</v>
      </c>
      <c r="Q20" s="14">
        <f t="shared" si="0"/>
        <v>77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350</v>
      </c>
      <c r="H21" s="14">
        <f t="shared" si="1"/>
        <v>476</v>
      </c>
      <c r="I21" s="14">
        <f t="shared" si="1"/>
        <v>578</v>
      </c>
      <c r="J21" s="14">
        <f t="shared" si="1"/>
        <v>592</v>
      </c>
      <c r="K21" s="14">
        <f t="shared" si="1"/>
        <v>565</v>
      </c>
      <c r="L21" s="14">
        <f t="shared" si="1"/>
        <v>587</v>
      </c>
      <c r="M21" s="14">
        <f t="shared" si="1"/>
        <v>564</v>
      </c>
      <c r="N21" s="14">
        <f t="shared" si="1"/>
        <v>569</v>
      </c>
      <c r="O21" s="14">
        <f t="shared" si="1"/>
        <v>593</v>
      </c>
      <c r="P21" s="14">
        <f t="shared" si="1"/>
        <v>646</v>
      </c>
      <c r="Q21" s="14">
        <f t="shared" si="1"/>
        <v>68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190</v>
      </c>
      <c r="H22" s="14">
        <f t="shared" si="1"/>
        <v>259</v>
      </c>
      <c r="I22" s="14">
        <f t="shared" si="1"/>
        <v>349</v>
      </c>
      <c r="J22" s="14">
        <f t="shared" si="1"/>
        <v>374</v>
      </c>
      <c r="K22" s="14">
        <f t="shared" si="1"/>
        <v>402</v>
      </c>
      <c r="L22" s="14">
        <f t="shared" si="1"/>
        <v>412</v>
      </c>
      <c r="M22" s="14">
        <f t="shared" si="1"/>
        <v>421</v>
      </c>
      <c r="N22" s="14">
        <f t="shared" si="1"/>
        <v>437</v>
      </c>
      <c r="O22" s="14">
        <f t="shared" si="1"/>
        <v>430</v>
      </c>
      <c r="P22" s="14">
        <f t="shared" si="1"/>
        <v>414</v>
      </c>
      <c r="Q22" s="14">
        <f t="shared" si="1"/>
        <v>423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85</v>
      </c>
      <c r="H23" s="14">
        <f t="shared" si="1"/>
        <v>104</v>
      </c>
      <c r="I23" s="14">
        <f t="shared" si="1"/>
        <v>154</v>
      </c>
      <c r="J23" s="14">
        <f t="shared" si="1"/>
        <v>163</v>
      </c>
      <c r="K23" s="14">
        <f t="shared" si="1"/>
        <v>169</v>
      </c>
      <c r="L23" s="14">
        <f t="shared" si="1"/>
        <v>168</v>
      </c>
      <c r="M23" s="14">
        <f t="shared" si="1"/>
        <v>184</v>
      </c>
      <c r="N23" s="14">
        <f t="shared" si="1"/>
        <v>194</v>
      </c>
      <c r="O23" s="14">
        <f t="shared" si="1"/>
        <v>205</v>
      </c>
      <c r="P23" s="14">
        <f t="shared" si="1"/>
        <v>228</v>
      </c>
      <c r="Q23" s="14">
        <f t="shared" si="1"/>
        <v>223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22</v>
      </c>
      <c r="H24" s="14">
        <f t="shared" si="1"/>
        <v>27</v>
      </c>
      <c r="I24" s="14">
        <f t="shared" si="1"/>
        <v>39</v>
      </c>
      <c r="J24" s="14">
        <f t="shared" si="1"/>
        <v>44</v>
      </c>
      <c r="K24" s="14">
        <f t="shared" si="1"/>
        <v>40</v>
      </c>
      <c r="L24" s="14">
        <f t="shared" si="1"/>
        <v>49</v>
      </c>
      <c r="M24" s="14">
        <f t="shared" si="1"/>
        <v>46</v>
      </c>
      <c r="N24" s="14">
        <f t="shared" si="1"/>
        <v>49</v>
      </c>
      <c r="O24" s="14">
        <f t="shared" si="1"/>
        <v>54</v>
      </c>
      <c r="P24" s="14">
        <f t="shared" si="1"/>
        <v>58</v>
      </c>
      <c r="Q24" s="14">
        <f t="shared" si="1"/>
        <v>60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4</v>
      </c>
      <c r="H25" s="14">
        <f t="shared" si="1"/>
        <v>4</v>
      </c>
      <c r="I25" s="14">
        <f t="shared" si="1"/>
        <v>3</v>
      </c>
      <c r="J25" s="14">
        <f t="shared" si="1"/>
        <v>7</v>
      </c>
      <c r="K25" s="14">
        <f t="shared" si="1"/>
        <v>5</v>
      </c>
      <c r="L25" s="14">
        <f t="shared" si="1"/>
        <v>5</v>
      </c>
      <c r="M25" s="14">
        <f t="shared" si="1"/>
        <v>7</v>
      </c>
      <c r="N25" s="14">
        <f t="shared" si="1"/>
        <v>12</v>
      </c>
      <c r="O25" s="14">
        <f t="shared" si="1"/>
        <v>12</v>
      </c>
      <c r="P25" s="14">
        <f t="shared" si="1"/>
        <v>8</v>
      </c>
      <c r="Q25" s="14">
        <f t="shared" si="1"/>
        <v>8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2844</v>
      </c>
      <c r="H26" s="17">
        <f>SUM(H5:H25)</f>
        <v>12673</v>
      </c>
      <c r="I26" s="17">
        <f t="shared" ref="I26:N26" si="2">SUM(I5:I25)</f>
        <v>12259</v>
      </c>
      <c r="J26" s="17">
        <f t="shared" si="2"/>
        <v>12127</v>
      </c>
      <c r="K26" s="17">
        <f t="shared" si="2"/>
        <v>11961</v>
      </c>
      <c r="L26" s="17">
        <f t="shared" si="2"/>
        <v>11822</v>
      </c>
      <c r="M26" s="17">
        <f t="shared" si="2"/>
        <v>11636</v>
      </c>
      <c r="N26" s="17">
        <f t="shared" si="2"/>
        <v>11413</v>
      </c>
      <c r="O26" s="17">
        <f>SUM(O5:O25)</f>
        <v>11224</v>
      </c>
      <c r="P26" s="17">
        <f>SUM(P5:P25)</f>
        <v>11102</v>
      </c>
      <c r="Q26" s="17">
        <f>SUM(Q5:Q25)</f>
        <v>10922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851</v>
      </c>
      <c r="H31" s="21">
        <f t="shared" si="3"/>
        <v>1675</v>
      </c>
      <c r="I31" s="21">
        <f t="shared" si="3"/>
        <v>1413</v>
      </c>
      <c r="J31" s="21">
        <f t="shared" si="3"/>
        <v>1365</v>
      </c>
      <c r="K31" s="21">
        <f t="shared" si="3"/>
        <v>1276</v>
      </c>
      <c r="L31" s="21">
        <f t="shared" si="3"/>
        <v>1216</v>
      </c>
      <c r="M31" s="21">
        <f t="shared" si="3"/>
        <v>1161</v>
      </c>
      <c r="N31" s="21">
        <f t="shared" si="3"/>
        <v>1080</v>
      </c>
      <c r="O31" s="21">
        <f t="shared" si="3"/>
        <v>1025</v>
      </c>
      <c r="P31" s="21">
        <f t="shared" si="3"/>
        <v>1021</v>
      </c>
      <c r="Q31" s="21">
        <f t="shared" si="3"/>
        <v>968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8254</v>
      </c>
      <c r="H32" s="22">
        <f t="shared" si="4"/>
        <v>7829</v>
      </c>
      <c r="I32" s="22">
        <f t="shared" si="4"/>
        <v>7280</v>
      </c>
      <c r="J32" s="22">
        <f t="shared" si="4"/>
        <v>7130</v>
      </c>
      <c r="K32" s="22">
        <f t="shared" si="4"/>
        <v>7041</v>
      </c>
      <c r="L32" s="22">
        <f t="shared" si="4"/>
        <v>6900</v>
      </c>
      <c r="M32" s="22">
        <f t="shared" si="4"/>
        <v>6770</v>
      </c>
      <c r="N32" s="22">
        <f t="shared" si="4"/>
        <v>6600</v>
      </c>
      <c r="O32" s="22">
        <f t="shared" si="4"/>
        <v>6471</v>
      </c>
      <c r="P32" s="22">
        <f t="shared" si="4"/>
        <v>6349</v>
      </c>
      <c r="Q32" s="22">
        <f t="shared" si="4"/>
        <v>6210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2739</v>
      </c>
      <c r="H33" s="23">
        <f t="shared" si="5"/>
        <v>3169</v>
      </c>
      <c r="I33" s="23">
        <f t="shared" si="5"/>
        <v>3566</v>
      </c>
      <c r="J33" s="23">
        <f t="shared" si="5"/>
        <v>3632</v>
      </c>
      <c r="K33" s="23">
        <f t="shared" si="5"/>
        <v>3644</v>
      </c>
      <c r="L33" s="23">
        <f t="shared" si="5"/>
        <v>3706</v>
      </c>
      <c r="M33" s="23">
        <f t="shared" si="5"/>
        <v>3705</v>
      </c>
      <c r="N33" s="23">
        <f t="shared" si="5"/>
        <v>3733</v>
      </c>
      <c r="O33" s="23">
        <f t="shared" si="5"/>
        <v>3728</v>
      </c>
      <c r="P33" s="23">
        <f t="shared" si="5"/>
        <v>3732</v>
      </c>
      <c r="Q33" s="23">
        <f t="shared" si="5"/>
        <v>3744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2844</v>
      </c>
      <c r="H34" s="24">
        <f>SUM(H31:H33)</f>
        <v>12673</v>
      </c>
      <c r="I34" s="24">
        <f t="shared" ref="I34:N34" si="6">SUM(I31:I33)</f>
        <v>12259</v>
      </c>
      <c r="J34" s="24">
        <f t="shared" si="6"/>
        <v>12127</v>
      </c>
      <c r="K34" s="24">
        <f t="shared" si="6"/>
        <v>11961</v>
      </c>
      <c r="L34" s="24">
        <f t="shared" si="6"/>
        <v>11822</v>
      </c>
      <c r="M34" s="24">
        <f t="shared" si="6"/>
        <v>11636</v>
      </c>
      <c r="N34" s="24">
        <f t="shared" si="6"/>
        <v>11413</v>
      </c>
      <c r="O34" s="24">
        <f>SUM(O31:O33)</f>
        <v>11224</v>
      </c>
      <c r="P34" s="24">
        <f>SUM(P31:P33)</f>
        <v>11102</v>
      </c>
      <c r="Q34" s="24">
        <f>SUM(Q31:Q33)</f>
        <v>10922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4.4</v>
      </c>
      <c r="H39" s="33">
        <f t="shared" si="7"/>
        <v>13.2</v>
      </c>
      <c r="I39" s="33">
        <f t="shared" si="7"/>
        <v>11.5</v>
      </c>
      <c r="J39" s="33">
        <f t="shared" si="7"/>
        <v>11.3</v>
      </c>
      <c r="K39" s="33">
        <f t="shared" si="7"/>
        <v>10.7</v>
      </c>
      <c r="L39" s="33">
        <f t="shared" si="7"/>
        <v>10.3</v>
      </c>
      <c r="M39" s="33">
        <f t="shared" si="7"/>
        <v>10</v>
      </c>
      <c r="N39" s="33">
        <f t="shared" si="7"/>
        <v>9.5</v>
      </c>
      <c r="O39" s="33">
        <f t="shared" si="7"/>
        <v>9.1</v>
      </c>
      <c r="P39" s="33">
        <f t="shared" si="7"/>
        <v>9.1999999999999993</v>
      </c>
      <c r="Q39" s="33">
        <f t="shared" si="7"/>
        <v>8.9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4.3</v>
      </c>
      <c r="H40" s="35">
        <f t="shared" si="8"/>
        <v>61.8</v>
      </c>
      <c r="I40" s="35">
        <f t="shared" si="8"/>
        <v>59.4</v>
      </c>
      <c r="J40" s="35">
        <f t="shared" si="8"/>
        <v>58.8</v>
      </c>
      <c r="K40" s="35">
        <f t="shared" si="8"/>
        <v>58.9</v>
      </c>
      <c r="L40" s="35">
        <f t="shared" si="8"/>
        <v>58.4</v>
      </c>
      <c r="M40" s="35">
        <f t="shared" si="8"/>
        <v>58.2</v>
      </c>
      <c r="N40" s="35">
        <f t="shared" si="8"/>
        <v>57.8</v>
      </c>
      <c r="O40" s="35">
        <f t="shared" si="8"/>
        <v>57.7</v>
      </c>
      <c r="P40" s="35">
        <f t="shared" si="8"/>
        <v>57.2</v>
      </c>
      <c r="Q40" s="35">
        <f t="shared" si="8"/>
        <v>56.9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1.3</v>
      </c>
      <c r="H41" s="37">
        <f t="shared" si="9"/>
        <v>25</v>
      </c>
      <c r="I41" s="37">
        <f t="shared" si="9"/>
        <v>29.1</v>
      </c>
      <c r="J41" s="37">
        <f t="shared" si="9"/>
        <v>29.9</v>
      </c>
      <c r="K41" s="37">
        <f t="shared" si="9"/>
        <v>30.5</v>
      </c>
      <c r="L41" s="37">
        <f t="shared" si="9"/>
        <v>31.3</v>
      </c>
      <c r="M41" s="37">
        <f t="shared" si="9"/>
        <v>31.8</v>
      </c>
      <c r="N41" s="37">
        <f t="shared" si="9"/>
        <v>32.700000000000003</v>
      </c>
      <c r="O41" s="37">
        <f t="shared" si="9"/>
        <v>33.200000000000003</v>
      </c>
      <c r="P41" s="37">
        <f t="shared" si="9"/>
        <v>33.6</v>
      </c>
      <c r="Q41" s="37">
        <f t="shared" si="9"/>
        <v>34.299999999999997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311</v>
      </c>
      <c r="H84" s="8">
        <v>244</v>
      </c>
      <c r="I84" s="8">
        <v>201</v>
      </c>
      <c r="J84" s="8">
        <v>177</v>
      </c>
      <c r="K84" s="8">
        <v>179</v>
      </c>
      <c r="L84" s="8">
        <v>167</v>
      </c>
      <c r="M84" s="8">
        <v>174</v>
      </c>
      <c r="N84" s="21">
        <v>150</v>
      </c>
      <c r="O84" s="21">
        <v>141</v>
      </c>
      <c r="P84" s="21">
        <v>140</v>
      </c>
      <c r="Q84" s="21">
        <v>124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315</v>
      </c>
      <c r="H85" s="8">
        <v>318</v>
      </c>
      <c r="I85" s="8">
        <v>222</v>
      </c>
      <c r="J85" s="8">
        <v>231</v>
      </c>
      <c r="K85" s="8">
        <v>221</v>
      </c>
      <c r="L85" s="8">
        <v>216</v>
      </c>
      <c r="M85" s="8">
        <v>203</v>
      </c>
      <c r="N85" s="21">
        <v>197</v>
      </c>
      <c r="O85" s="21">
        <v>173</v>
      </c>
      <c r="P85" s="21">
        <v>172</v>
      </c>
      <c r="Q85" s="21">
        <v>165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46</v>
      </c>
      <c r="H86" s="8">
        <v>326</v>
      </c>
      <c r="I86" s="8">
        <v>312</v>
      </c>
      <c r="J86" s="8">
        <v>299</v>
      </c>
      <c r="K86" s="8">
        <v>262</v>
      </c>
      <c r="L86" s="8">
        <v>245</v>
      </c>
      <c r="M86" s="8">
        <v>225</v>
      </c>
      <c r="N86" s="21">
        <v>207</v>
      </c>
      <c r="O86" s="21">
        <v>217</v>
      </c>
      <c r="P86" s="21">
        <v>217</v>
      </c>
      <c r="Q86" s="21">
        <v>213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343</v>
      </c>
      <c r="H87" s="11">
        <v>341</v>
      </c>
      <c r="I87" s="11">
        <v>315</v>
      </c>
      <c r="J87" s="11">
        <v>309</v>
      </c>
      <c r="K87" s="11">
        <v>330</v>
      </c>
      <c r="L87" s="11">
        <v>311</v>
      </c>
      <c r="M87" s="11">
        <v>314</v>
      </c>
      <c r="N87" s="22">
        <v>295</v>
      </c>
      <c r="O87" s="22">
        <v>276</v>
      </c>
      <c r="P87" s="22">
        <v>238</v>
      </c>
      <c r="Q87" s="22">
        <v>220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37</v>
      </c>
      <c r="H88" s="11">
        <v>345</v>
      </c>
      <c r="I88" s="11">
        <v>315</v>
      </c>
      <c r="J88" s="11">
        <v>319</v>
      </c>
      <c r="K88" s="11">
        <v>311</v>
      </c>
      <c r="L88" s="11">
        <v>342</v>
      </c>
      <c r="M88" s="11">
        <v>313</v>
      </c>
      <c r="N88" s="22">
        <v>307</v>
      </c>
      <c r="O88" s="22">
        <v>301</v>
      </c>
      <c r="P88" s="22">
        <v>305</v>
      </c>
      <c r="Q88" s="22">
        <v>299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66</v>
      </c>
      <c r="H89" s="11">
        <v>337</v>
      </c>
      <c r="I89" s="11">
        <v>324</v>
      </c>
      <c r="J89" s="11">
        <v>304</v>
      </c>
      <c r="K89" s="11">
        <v>291</v>
      </c>
      <c r="L89" s="11">
        <v>258</v>
      </c>
      <c r="M89" s="11">
        <v>276</v>
      </c>
      <c r="N89" s="22">
        <v>280</v>
      </c>
      <c r="O89" s="22">
        <v>272</v>
      </c>
      <c r="P89" s="22">
        <v>264</v>
      </c>
      <c r="Q89" s="22">
        <v>282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70</v>
      </c>
      <c r="H90" s="11">
        <v>345</v>
      </c>
      <c r="I90" s="11">
        <v>347</v>
      </c>
      <c r="J90" s="11">
        <v>340</v>
      </c>
      <c r="K90" s="11">
        <v>320</v>
      </c>
      <c r="L90" s="11">
        <v>305</v>
      </c>
      <c r="M90" s="11">
        <v>304</v>
      </c>
      <c r="N90" s="22">
        <v>283</v>
      </c>
      <c r="O90" s="22">
        <v>273</v>
      </c>
      <c r="P90" s="22">
        <v>278</v>
      </c>
      <c r="Q90" s="22">
        <v>247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439</v>
      </c>
      <c r="H91" s="11">
        <v>454</v>
      </c>
      <c r="I91" s="11">
        <v>349</v>
      </c>
      <c r="J91" s="11">
        <v>329</v>
      </c>
      <c r="K91" s="11">
        <v>325</v>
      </c>
      <c r="L91" s="11">
        <v>319</v>
      </c>
      <c r="M91" s="11">
        <v>316</v>
      </c>
      <c r="N91" s="22">
        <v>305</v>
      </c>
      <c r="O91" s="22">
        <v>296</v>
      </c>
      <c r="P91" s="22">
        <v>293</v>
      </c>
      <c r="Q91" s="22">
        <v>285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11</v>
      </c>
      <c r="H92" s="11">
        <v>447</v>
      </c>
      <c r="I92" s="11">
        <v>436</v>
      </c>
      <c r="J92" s="11">
        <v>412</v>
      </c>
      <c r="K92" s="11">
        <v>389</v>
      </c>
      <c r="L92" s="11">
        <v>361</v>
      </c>
      <c r="M92" s="11">
        <v>335</v>
      </c>
      <c r="N92" s="22">
        <v>333</v>
      </c>
      <c r="O92" s="22">
        <v>325</v>
      </c>
      <c r="P92" s="22">
        <v>303</v>
      </c>
      <c r="Q92" s="22">
        <v>296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438</v>
      </c>
      <c r="H93" s="11">
        <v>404</v>
      </c>
      <c r="I93" s="11">
        <v>426</v>
      </c>
      <c r="J93" s="11">
        <v>450</v>
      </c>
      <c r="K93" s="11">
        <v>444</v>
      </c>
      <c r="L93" s="11">
        <v>449</v>
      </c>
      <c r="M93" s="11">
        <v>432</v>
      </c>
      <c r="N93" s="22">
        <v>429</v>
      </c>
      <c r="O93" s="22">
        <v>406</v>
      </c>
      <c r="P93" s="22">
        <v>388</v>
      </c>
      <c r="Q93" s="22">
        <v>372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418</v>
      </c>
      <c r="H94" s="11">
        <v>419</v>
      </c>
      <c r="I94" s="11">
        <v>398</v>
      </c>
      <c r="J94" s="11">
        <v>397</v>
      </c>
      <c r="K94" s="11">
        <v>413</v>
      </c>
      <c r="L94" s="11">
        <v>412</v>
      </c>
      <c r="M94" s="11">
        <v>415</v>
      </c>
      <c r="N94" s="22">
        <v>412</v>
      </c>
      <c r="O94" s="22">
        <v>426</v>
      </c>
      <c r="P94" s="22">
        <v>431</v>
      </c>
      <c r="Q94" s="22">
        <v>433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486</v>
      </c>
      <c r="H95" s="11">
        <v>408</v>
      </c>
      <c r="I95" s="11">
        <v>412</v>
      </c>
      <c r="J95" s="11">
        <v>407</v>
      </c>
      <c r="K95" s="11">
        <v>404</v>
      </c>
      <c r="L95" s="11">
        <v>399</v>
      </c>
      <c r="M95" s="11">
        <v>400</v>
      </c>
      <c r="N95" s="22">
        <v>394</v>
      </c>
      <c r="O95" s="22">
        <v>392</v>
      </c>
      <c r="P95" s="22">
        <v>398</v>
      </c>
      <c r="Q95" s="22">
        <v>404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409</v>
      </c>
      <c r="H96" s="11">
        <v>471</v>
      </c>
      <c r="I96" s="11">
        <v>404</v>
      </c>
      <c r="J96" s="11">
        <v>393</v>
      </c>
      <c r="K96" s="11">
        <v>400</v>
      </c>
      <c r="L96" s="11">
        <v>412</v>
      </c>
      <c r="M96" s="11">
        <v>405</v>
      </c>
      <c r="N96" s="22">
        <v>395</v>
      </c>
      <c r="O96" s="22">
        <v>383</v>
      </c>
      <c r="P96" s="22">
        <v>388</v>
      </c>
      <c r="Q96" s="22">
        <v>385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367</v>
      </c>
      <c r="H97" s="14">
        <v>394</v>
      </c>
      <c r="I97" s="14">
        <v>443</v>
      </c>
      <c r="J97" s="14">
        <v>471</v>
      </c>
      <c r="K97" s="14">
        <v>432</v>
      </c>
      <c r="L97" s="14">
        <v>404</v>
      </c>
      <c r="M97" s="14">
        <v>396</v>
      </c>
      <c r="N97" s="23">
        <v>380</v>
      </c>
      <c r="O97" s="23">
        <v>380</v>
      </c>
      <c r="P97" s="23">
        <v>379</v>
      </c>
      <c r="Q97" s="23">
        <v>390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335</v>
      </c>
      <c r="H98" s="14">
        <v>342</v>
      </c>
      <c r="I98" s="14">
        <v>365</v>
      </c>
      <c r="J98" s="14">
        <v>335</v>
      </c>
      <c r="K98" s="14">
        <v>345</v>
      </c>
      <c r="L98" s="14">
        <v>378</v>
      </c>
      <c r="M98" s="14">
        <v>394</v>
      </c>
      <c r="N98" s="23">
        <v>421</v>
      </c>
      <c r="O98" s="23">
        <v>440</v>
      </c>
      <c r="P98" s="23">
        <v>403</v>
      </c>
      <c r="Q98" s="23">
        <v>373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45</v>
      </c>
      <c r="H99" s="14">
        <v>276</v>
      </c>
      <c r="I99" s="14">
        <v>299</v>
      </c>
      <c r="J99" s="14">
        <v>307</v>
      </c>
      <c r="K99" s="14">
        <v>333</v>
      </c>
      <c r="L99" s="14">
        <v>329</v>
      </c>
      <c r="M99" s="14">
        <v>332</v>
      </c>
      <c r="N99" s="23">
        <v>321</v>
      </c>
      <c r="O99" s="23">
        <v>294</v>
      </c>
      <c r="P99" s="23">
        <v>310</v>
      </c>
      <c r="Q99" s="23">
        <v>32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29</v>
      </c>
      <c r="H100" s="14">
        <v>179</v>
      </c>
      <c r="I100" s="14">
        <v>201</v>
      </c>
      <c r="J100" s="14">
        <v>227</v>
      </c>
      <c r="K100" s="14">
        <v>222</v>
      </c>
      <c r="L100" s="14">
        <v>243</v>
      </c>
      <c r="M100" s="14">
        <v>229</v>
      </c>
      <c r="N100" s="23">
        <v>239</v>
      </c>
      <c r="O100" s="23">
        <v>246</v>
      </c>
      <c r="P100" s="23">
        <v>264</v>
      </c>
      <c r="Q100" s="23">
        <v>264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53</v>
      </c>
      <c r="H101" s="14">
        <v>88</v>
      </c>
      <c r="I101" s="14">
        <v>104</v>
      </c>
      <c r="J101" s="14">
        <v>103</v>
      </c>
      <c r="K101" s="14">
        <v>118</v>
      </c>
      <c r="L101" s="14">
        <v>126</v>
      </c>
      <c r="M101" s="14">
        <v>123</v>
      </c>
      <c r="N101" s="23">
        <v>127</v>
      </c>
      <c r="O101" s="23">
        <v>142</v>
      </c>
      <c r="P101" s="23">
        <v>143</v>
      </c>
      <c r="Q101" s="23">
        <v>157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28</v>
      </c>
      <c r="H102" s="14">
        <v>20</v>
      </c>
      <c r="I102" s="14">
        <v>45</v>
      </c>
      <c r="J102" s="14">
        <v>42</v>
      </c>
      <c r="K102" s="14">
        <v>42</v>
      </c>
      <c r="L102" s="14">
        <v>43</v>
      </c>
      <c r="M102" s="14">
        <v>45</v>
      </c>
      <c r="N102" s="23">
        <v>46</v>
      </c>
      <c r="O102" s="23">
        <v>42</v>
      </c>
      <c r="P102" s="23">
        <v>49</v>
      </c>
      <c r="Q102" s="23">
        <v>46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3</v>
      </c>
      <c r="H103" s="14">
        <v>6</v>
      </c>
      <c r="I103" s="14">
        <v>5</v>
      </c>
      <c r="J103" s="14">
        <v>10</v>
      </c>
      <c r="K103" s="14">
        <v>8</v>
      </c>
      <c r="L103" s="14">
        <v>8</v>
      </c>
      <c r="M103" s="14">
        <v>7</v>
      </c>
      <c r="N103" s="23">
        <v>9</v>
      </c>
      <c r="O103" s="23">
        <v>12</v>
      </c>
      <c r="P103" s="23">
        <v>10</v>
      </c>
      <c r="Q103" s="23">
        <v>10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1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1</v>
      </c>
      <c r="N104" s="23">
        <v>2</v>
      </c>
      <c r="O104" s="23">
        <v>2</v>
      </c>
      <c r="P104" s="23">
        <v>2</v>
      </c>
      <c r="Q104" s="23">
        <v>2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6250</v>
      </c>
      <c r="H105" s="17">
        <f t="shared" ref="H105:N105" si="10">SUM(H84:H104)</f>
        <v>6164</v>
      </c>
      <c r="I105" s="17">
        <f t="shared" si="10"/>
        <v>5923</v>
      </c>
      <c r="J105" s="17">
        <f t="shared" si="10"/>
        <v>5862</v>
      </c>
      <c r="K105" s="17">
        <f t="shared" si="10"/>
        <v>5789</v>
      </c>
      <c r="L105" s="17">
        <f t="shared" si="10"/>
        <v>5727</v>
      </c>
      <c r="M105" s="17">
        <f t="shared" si="10"/>
        <v>5639</v>
      </c>
      <c r="N105" s="17">
        <f t="shared" si="10"/>
        <v>5532</v>
      </c>
      <c r="O105" s="17">
        <f>SUM(O84:O104)</f>
        <v>5439</v>
      </c>
      <c r="P105" s="17">
        <f>SUM(P84:P104)</f>
        <v>5375</v>
      </c>
      <c r="Q105" s="17">
        <f>SUM(Q84:Q104)</f>
        <v>5296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972</v>
      </c>
      <c r="H110" s="8">
        <f t="shared" si="11"/>
        <v>888</v>
      </c>
      <c r="I110" s="8">
        <f t="shared" si="11"/>
        <v>735</v>
      </c>
      <c r="J110" s="8">
        <f t="shared" si="11"/>
        <v>707</v>
      </c>
      <c r="K110" s="8">
        <f t="shared" si="11"/>
        <v>662</v>
      </c>
      <c r="L110" s="8">
        <f t="shared" si="11"/>
        <v>628</v>
      </c>
      <c r="M110" s="8">
        <f t="shared" si="11"/>
        <v>602</v>
      </c>
      <c r="N110" s="8">
        <f t="shared" si="11"/>
        <v>554</v>
      </c>
      <c r="O110" s="8">
        <f t="shared" si="11"/>
        <v>531</v>
      </c>
      <c r="P110" s="8">
        <f t="shared" si="11"/>
        <v>529</v>
      </c>
      <c r="Q110" s="8">
        <v>502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4117</v>
      </c>
      <c r="H111" s="11">
        <f t="shared" si="12"/>
        <v>3971</v>
      </c>
      <c r="I111" s="11">
        <f t="shared" si="12"/>
        <v>3726</v>
      </c>
      <c r="J111" s="11">
        <f t="shared" si="12"/>
        <v>3660</v>
      </c>
      <c r="K111" s="11">
        <f t="shared" si="12"/>
        <v>3627</v>
      </c>
      <c r="L111" s="11">
        <f t="shared" si="12"/>
        <v>3568</v>
      </c>
      <c r="M111" s="11">
        <f t="shared" si="12"/>
        <v>3510</v>
      </c>
      <c r="N111" s="11">
        <f t="shared" si="12"/>
        <v>3433</v>
      </c>
      <c r="O111" s="11">
        <f t="shared" si="12"/>
        <v>3350</v>
      </c>
      <c r="P111" s="11">
        <f t="shared" si="12"/>
        <v>3286</v>
      </c>
      <c r="Q111" s="11">
        <v>322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161</v>
      </c>
      <c r="H112" s="14">
        <f t="shared" si="13"/>
        <v>1305</v>
      </c>
      <c r="I112" s="14">
        <f t="shared" si="13"/>
        <v>1462</v>
      </c>
      <c r="J112" s="14">
        <f t="shared" si="13"/>
        <v>1495</v>
      </c>
      <c r="K112" s="14">
        <f t="shared" si="13"/>
        <v>1500</v>
      </c>
      <c r="L112" s="14">
        <f t="shared" si="13"/>
        <v>1531</v>
      </c>
      <c r="M112" s="14">
        <f t="shared" si="13"/>
        <v>1527</v>
      </c>
      <c r="N112" s="14">
        <f t="shared" si="13"/>
        <v>1545</v>
      </c>
      <c r="O112" s="14">
        <f t="shared" si="13"/>
        <v>1558</v>
      </c>
      <c r="P112" s="14">
        <f t="shared" si="13"/>
        <v>1560</v>
      </c>
      <c r="Q112" s="14">
        <v>1571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6250</v>
      </c>
      <c r="H113" s="17">
        <f t="shared" ref="H113:N113" si="14">SUM(H110:H112)</f>
        <v>6164</v>
      </c>
      <c r="I113" s="17">
        <f t="shared" si="14"/>
        <v>5923</v>
      </c>
      <c r="J113" s="17">
        <f t="shared" si="14"/>
        <v>5862</v>
      </c>
      <c r="K113" s="17">
        <f t="shared" si="14"/>
        <v>5789</v>
      </c>
      <c r="L113" s="17">
        <f t="shared" si="14"/>
        <v>5727</v>
      </c>
      <c r="M113" s="17">
        <f t="shared" si="14"/>
        <v>5639</v>
      </c>
      <c r="N113" s="17">
        <f t="shared" si="14"/>
        <v>5532</v>
      </c>
      <c r="O113" s="17">
        <f>SUM(O110:O112)</f>
        <v>5439</v>
      </c>
      <c r="P113" s="17">
        <f>SUM(P110:P112)</f>
        <v>5375</v>
      </c>
      <c r="Q113" s="17">
        <f>SUM(Q110:Q112)</f>
        <v>529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5.6</v>
      </c>
      <c r="H118" s="49">
        <f t="shared" si="15"/>
        <v>14.4</v>
      </c>
      <c r="I118" s="49">
        <f t="shared" si="15"/>
        <v>12.4</v>
      </c>
      <c r="J118" s="49">
        <f t="shared" si="15"/>
        <v>12.1</v>
      </c>
      <c r="K118" s="49">
        <f t="shared" si="15"/>
        <v>11.4</v>
      </c>
      <c r="L118" s="49">
        <f t="shared" si="15"/>
        <v>11</v>
      </c>
      <c r="M118" s="49">
        <f t="shared" si="15"/>
        <v>10.7</v>
      </c>
      <c r="N118" s="49">
        <f t="shared" si="15"/>
        <v>10</v>
      </c>
      <c r="O118" s="49">
        <f t="shared" si="15"/>
        <v>9.8000000000000007</v>
      </c>
      <c r="P118" s="49">
        <f t="shared" si="15"/>
        <v>9.8000000000000007</v>
      </c>
      <c r="Q118" s="49">
        <f t="shared" si="15"/>
        <v>9.5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5.900000000000006</v>
      </c>
      <c r="H119" s="50">
        <f t="shared" si="16"/>
        <v>64.400000000000006</v>
      </c>
      <c r="I119" s="50">
        <f t="shared" si="16"/>
        <v>62.9</v>
      </c>
      <c r="J119" s="50">
        <f t="shared" si="16"/>
        <v>62.4</v>
      </c>
      <c r="K119" s="50">
        <f t="shared" si="16"/>
        <v>62.7</v>
      </c>
      <c r="L119" s="50">
        <f t="shared" si="16"/>
        <v>62.3</v>
      </c>
      <c r="M119" s="50">
        <f t="shared" si="16"/>
        <v>62.2</v>
      </c>
      <c r="N119" s="50">
        <f t="shared" si="16"/>
        <v>62.1</v>
      </c>
      <c r="O119" s="50">
        <f t="shared" si="16"/>
        <v>61.6</v>
      </c>
      <c r="P119" s="50">
        <f t="shared" si="16"/>
        <v>61.1</v>
      </c>
      <c r="Q119" s="50">
        <f t="shared" si="16"/>
        <v>60.9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8.600000000000001</v>
      </c>
      <c r="H120" s="51">
        <f t="shared" si="17"/>
        <v>21.2</v>
      </c>
      <c r="I120" s="51">
        <f t="shared" si="17"/>
        <v>24.7</v>
      </c>
      <c r="J120" s="51">
        <f t="shared" si="17"/>
        <v>25.5</v>
      </c>
      <c r="K120" s="51">
        <f t="shared" si="17"/>
        <v>25.9</v>
      </c>
      <c r="L120" s="51">
        <f t="shared" si="17"/>
        <v>26.7</v>
      </c>
      <c r="M120" s="51">
        <f t="shared" si="17"/>
        <v>27.1</v>
      </c>
      <c r="N120" s="51">
        <f t="shared" si="17"/>
        <v>27.9</v>
      </c>
      <c r="O120" s="51">
        <f t="shared" si="17"/>
        <v>28.6</v>
      </c>
      <c r="P120" s="51">
        <f t="shared" si="17"/>
        <v>29</v>
      </c>
      <c r="Q120" s="51">
        <f t="shared" si="17"/>
        <v>29.7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57</v>
      </c>
      <c r="H130" s="8">
        <v>219</v>
      </c>
      <c r="I130" s="8">
        <v>185</v>
      </c>
      <c r="J130" s="8">
        <v>177</v>
      </c>
      <c r="K130" s="8">
        <v>174</v>
      </c>
      <c r="L130" s="8">
        <v>159</v>
      </c>
      <c r="M130" s="8">
        <v>150</v>
      </c>
      <c r="N130" s="21">
        <v>137</v>
      </c>
      <c r="O130" s="21">
        <v>126</v>
      </c>
      <c r="P130" s="21">
        <v>129</v>
      </c>
      <c r="Q130" s="21">
        <v>118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88</v>
      </c>
      <c r="H131" s="8">
        <v>271</v>
      </c>
      <c r="I131" s="8">
        <v>220</v>
      </c>
      <c r="J131" s="8">
        <v>216</v>
      </c>
      <c r="K131" s="8">
        <v>208</v>
      </c>
      <c r="L131" s="8">
        <v>200</v>
      </c>
      <c r="M131" s="8">
        <v>189</v>
      </c>
      <c r="N131" s="21">
        <v>175</v>
      </c>
      <c r="O131" s="21">
        <v>165</v>
      </c>
      <c r="P131" s="21">
        <v>161</v>
      </c>
      <c r="Q131" s="21">
        <v>152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34</v>
      </c>
      <c r="H132" s="8">
        <v>297</v>
      </c>
      <c r="I132" s="8">
        <v>273</v>
      </c>
      <c r="J132" s="8">
        <v>265</v>
      </c>
      <c r="K132" s="8">
        <v>232</v>
      </c>
      <c r="L132" s="8">
        <v>229</v>
      </c>
      <c r="M132" s="8">
        <v>220</v>
      </c>
      <c r="N132" s="21">
        <v>214</v>
      </c>
      <c r="O132" s="21">
        <v>203</v>
      </c>
      <c r="P132" s="21">
        <v>202</v>
      </c>
      <c r="Q132" s="21">
        <v>19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55</v>
      </c>
      <c r="H133" s="11">
        <v>315</v>
      </c>
      <c r="I133" s="11">
        <v>300</v>
      </c>
      <c r="J133" s="11">
        <v>306</v>
      </c>
      <c r="K133" s="11">
        <v>313</v>
      </c>
      <c r="L133" s="11">
        <v>298</v>
      </c>
      <c r="M133" s="11">
        <v>277</v>
      </c>
      <c r="N133" s="22">
        <v>260</v>
      </c>
      <c r="O133" s="22">
        <v>251</v>
      </c>
      <c r="P133" s="22">
        <v>223</v>
      </c>
      <c r="Q133" s="22">
        <v>222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357</v>
      </c>
      <c r="H134" s="11">
        <v>328</v>
      </c>
      <c r="I134" s="11">
        <v>286</v>
      </c>
      <c r="J134" s="11">
        <v>273</v>
      </c>
      <c r="K134" s="11">
        <v>265</v>
      </c>
      <c r="L134" s="11">
        <v>273</v>
      </c>
      <c r="M134" s="11">
        <v>276</v>
      </c>
      <c r="N134" s="22">
        <v>269</v>
      </c>
      <c r="O134" s="22">
        <v>277</v>
      </c>
      <c r="P134" s="22">
        <v>276</v>
      </c>
      <c r="Q134" s="22">
        <v>249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38</v>
      </c>
      <c r="H135" s="11">
        <v>329</v>
      </c>
      <c r="I135" s="11">
        <v>284</v>
      </c>
      <c r="J135" s="11">
        <v>262</v>
      </c>
      <c r="K135" s="11">
        <v>243</v>
      </c>
      <c r="L135" s="11">
        <v>216</v>
      </c>
      <c r="M135" s="11">
        <v>228</v>
      </c>
      <c r="N135" s="22">
        <v>234</v>
      </c>
      <c r="O135" s="22">
        <v>230</v>
      </c>
      <c r="P135" s="22">
        <v>230</v>
      </c>
      <c r="Q135" s="22">
        <v>220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60</v>
      </c>
      <c r="H136" s="11">
        <v>310</v>
      </c>
      <c r="I136" s="11">
        <v>285</v>
      </c>
      <c r="J136" s="11">
        <v>277</v>
      </c>
      <c r="K136" s="11">
        <v>270</v>
      </c>
      <c r="L136" s="11">
        <v>274</v>
      </c>
      <c r="M136" s="11">
        <v>256</v>
      </c>
      <c r="N136" s="22">
        <v>233</v>
      </c>
      <c r="O136" s="22">
        <v>219</v>
      </c>
      <c r="P136" s="22">
        <v>208</v>
      </c>
      <c r="Q136" s="22">
        <v>20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409</v>
      </c>
      <c r="H137" s="11">
        <v>446</v>
      </c>
      <c r="I137" s="11">
        <v>310</v>
      </c>
      <c r="J137" s="11">
        <v>295</v>
      </c>
      <c r="K137" s="11">
        <v>302</v>
      </c>
      <c r="L137" s="11">
        <v>275</v>
      </c>
      <c r="M137" s="11">
        <v>254</v>
      </c>
      <c r="N137" s="22">
        <v>254</v>
      </c>
      <c r="O137" s="22">
        <v>248</v>
      </c>
      <c r="P137" s="22">
        <v>246</v>
      </c>
      <c r="Q137" s="22">
        <v>259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400</v>
      </c>
      <c r="H138" s="11">
        <v>412</v>
      </c>
      <c r="I138" s="11">
        <v>448</v>
      </c>
      <c r="J138" s="11">
        <v>411</v>
      </c>
      <c r="K138" s="11">
        <v>366</v>
      </c>
      <c r="L138" s="11">
        <v>361</v>
      </c>
      <c r="M138" s="11">
        <v>348</v>
      </c>
      <c r="N138" s="22">
        <v>294</v>
      </c>
      <c r="O138" s="22">
        <v>281</v>
      </c>
      <c r="P138" s="22">
        <v>291</v>
      </c>
      <c r="Q138" s="22">
        <v>26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408</v>
      </c>
      <c r="H139" s="11">
        <v>391</v>
      </c>
      <c r="I139" s="11">
        <v>413</v>
      </c>
      <c r="J139" s="11">
        <v>437</v>
      </c>
      <c r="K139" s="11">
        <v>433</v>
      </c>
      <c r="L139" s="11">
        <v>438</v>
      </c>
      <c r="M139" s="11">
        <v>425</v>
      </c>
      <c r="N139" s="22">
        <v>440</v>
      </c>
      <c r="O139" s="22">
        <v>402</v>
      </c>
      <c r="P139" s="22">
        <v>359</v>
      </c>
      <c r="Q139" s="22">
        <v>350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452</v>
      </c>
      <c r="H140" s="11">
        <v>398</v>
      </c>
      <c r="I140" s="11">
        <v>402</v>
      </c>
      <c r="J140" s="11">
        <v>376</v>
      </c>
      <c r="K140" s="11">
        <v>404</v>
      </c>
      <c r="L140" s="11">
        <v>404</v>
      </c>
      <c r="M140" s="11">
        <v>405</v>
      </c>
      <c r="N140" s="22">
        <v>399</v>
      </c>
      <c r="O140" s="22">
        <v>431</v>
      </c>
      <c r="P140" s="22">
        <v>428</v>
      </c>
      <c r="Q140" s="22">
        <v>433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482</v>
      </c>
      <c r="H141" s="11">
        <v>440</v>
      </c>
      <c r="I141" s="11">
        <v>396</v>
      </c>
      <c r="J141" s="11">
        <v>412</v>
      </c>
      <c r="K141" s="11">
        <v>418</v>
      </c>
      <c r="L141" s="11">
        <v>409</v>
      </c>
      <c r="M141" s="11">
        <v>404</v>
      </c>
      <c r="N141" s="22">
        <v>394</v>
      </c>
      <c r="O141" s="22">
        <v>370</v>
      </c>
      <c r="P141" s="22">
        <v>391</v>
      </c>
      <c r="Q141" s="22">
        <v>393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476</v>
      </c>
      <c r="H142" s="11">
        <v>489</v>
      </c>
      <c r="I142" s="11">
        <v>430</v>
      </c>
      <c r="J142" s="11">
        <v>421</v>
      </c>
      <c r="K142" s="11">
        <v>400</v>
      </c>
      <c r="L142" s="11">
        <v>384</v>
      </c>
      <c r="M142" s="11">
        <v>387</v>
      </c>
      <c r="N142" s="22">
        <v>390</v>
      </c>
      <c r="O142" s="22">
        <v>412</v>
      </c>
      <c r="P142" s="22">
        <v>411</v>
      </c>
      <c r="Q142" s="22">
        <v>399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392</v>
      </c>
      <c r="H143" s="14">
        <v>482</v>
      </c>
      <c r="I143" s="14">
        <v>485</v>
      </c>
      <c r="J143" s="14">
        <v>514</v>
      </c>
      <c r="K143" s="14">
        <v>467</v>
      </c>
      <c r="L143" s="14">
        <v>451</v>
      </c>
      <c r="M143" s="14">
        <v>415</v>
      </c>
      <c r="N143" s="23">
        <v>420</v>
      </c>
      <c r="O143" s="23">
        <v>408</v>
      </c>
      <c r="P143" s="23">
        <v>393</v>
      </c>
      <c r="Q143" s="23">
        <v>384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430</v>
      </c>
      <c r="H144" s="14">
        <v>381</v>
      </c>
      <c r="I144" s="14">
        <v>481</v>
      </c>
      <c r="J144" s="14">
        <v>442</v>
      </c>
      <c r="K144" s="14">
        <v>463</v>
      </c>
      <c r="L144" s="14">
        <v>472</v>
      </c>
      <c r="M144" s="14">
        <v>473</v>
      </c>
      <c r="N144" s="23">
        <v>474</v>
      </c>
      <c r="O144" s="23">
        <v>495</v>
      </c>
      <c r="P144" s="23">
        <v>449</v>
      </c>
      <c r="Q144" s="23">
        <v>429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319</v>
      </c>
      <c r="H145" s="14">
        <v>424</v>
      </c>
      <c r="I145" s="14">
        <v>370</v>
      </c>
      <c r="J145" s="14">
        <v>383</v>
      </c>
      <c r="K145" s="14">
        <v>423</v>
      </c>
      <c r="L145" s="14">
        <v>451</v>
      </c>
      <c r="M145" s="14">
        <v>473</v>
      </c>
      <c r="N145" s="23">
        <v>456</v>
      </c>
      <c r="O145" s="23">
        <v>417</v>
      </c>
      <c r="P145" s="23">
        <v>444</v>
      </c>
      <c r="Q145" s="23">
        <v>445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221</v>
      </c>
      <c r="H146" s="14">
        <v>297</v>
      </c>
      <c r="I146" s="14">
        <v>377</v>
      </c>
      <c r="J146" s="14">
        <v>365</v>
      </c>
      <c r="K146" s="14">
        <v>343</v>
      </c>
      <c r="L146" s="14">
        <v>344</v>
      </c>
      <c r="M146" s="14">
        <v>335</v>
      </c>
      <c r="N146" s="23">
        <v>330</v>
      </c>
      <c r="O146" s="23">
        <v>347</v>
      </c>
      <c r="P146" s="23">
        <v>382</v>
      </c>
      <c r="Q146" s="23">
        <v>416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37</v>
      </c>
      <c r="H147" s="14">
        <v>171</v>
      </c>
      <c r="I147" s="14">
        <v>245</v>
      </c>
      <c r="J147" s="14">
        <v>271</v>
      </c>
      <c r="K147" s="14">
        <v>284</v>
      </c>
      <c r="L147" s="14">
        <v>286</v>
      </c>
      <c r="M147" s="14">
        <v>298</v>
      </c>
      <c r="N147" s="23">
        <v>310</v>
      </c>
      <c r="O147" s="23">
        <v>288</v>
      </c>
      <c r="P147" s="23">
        <v>271</v>
      </c>
      <c r="Q147" s="23">
        <v>266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57</v>
      </c>
      <c r="H148" s="14">
        <v>84</v>
      </c>
      <c r="I148" s="14">
        <v>109</v>
      </c>
      <c r="J148" s="14">
        <v>121</v>
      </c>
      <c r="K148" s="14">
        <v>127</v>
      </c>
      <c r="L148" s="14">
        <v>125</v>
      </c>
      <c r="M148" s="14">
        <v>139</v>
      </c>
      <c r="N148" s="23">
        <v>148</v>
      </c>
      <c r="O148" s="23">
        <v>163</v>
      </c>
      <c r="P148" s="23">
        <v>179</v>
      </c>
      <c r="Q148" s="23">
        <v>177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9</v>
      </c>
      <c r="H149" s="14">
        <v>21</v>
      </c>
      <c r="I149" s="14">
        <v>34</v>
      </c>
      <c r="J149" s="14">
        <v>34</v>
      </c>
      <c r="K149" s="14">
        <v>32</v>
      </c>
      <c r="L149" s="14">
        <v>41</v>
      </c>
      <c r="M149" s="14">
        <v>39</v>
      </c>
      <c r="N149" s="23">
        <v>40</v>
      </c>
      <c r="O149" s="23">
        <v>42</v>
      </c>
      <c r="P149" s="23">
        <v>48</v>
      </c>
      <c r="Q149" s="23">
        <v>5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3</v>
      </c>
      <c r="H150" s="14">
        <v>4</v>
      </c>
      <c r="I150" s="14">
        <v>3</v>
      </c>
      <c r="J150" s="14">
        <v>7</v>
      </c>
      <c r="K150" s="14">
        <v>5</v>
      </c>
      <c r="L150" s="14">
        <v>5</v>
      </c>
      <c r="M150" s="14">
        <v>6</v>
      </c>
      <c r="N150" s="23">
        <v>10</v>
      </c>
      <c r="O150" s="23">
        <v>10</v>
      </c>
      <c r="P150" s="23">
        <v>6</v>
      </c>
      <c r="Q150" s="23">
        <v>6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6594</v>
      </c>
      <c r="H151" s="17">
        <f t="shared" ref="H151:N151" si="18">SUM(H130:H150)</f>
        <v>6509</v>
      </c>
      <c r="I151" s="17">
        <f t="shared" si="18"/>
        <v>6336</v>
      </c>
      <c r="J151" s="17">
        <f t="shared" si="18"/>
        <v>6265</v>
      </c>
      <c r="K151" s="17">
        <f t="shared" si="18"/>
        <v>6172</v>
      </c>
      <c r="L151" s="17">
        <f t="shared" si="18"/>
        <v>6095</v>
      </c>
      <c r="M151" s="17">
        <f t="shared" si="18"/>
        <v>5997</v>
      </c>
      <c r="N151" s="17">
        <f t="shared" si="18"/>
        <v>5881</v>
      </c>
      <c r="O151" s="17">
        <f>SUM(O130:O150)</f>
        <v>5785</v>
      </c>
      <c r="P151" s="17">
        <f>SUM(P130:P150)</f>
        <v>5727</v>
      </c>
      <c r="Q151" s="17">
        <f>SUM(Q130:Q150)</f>
        <v>5626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879</v>
      </c>
      <c r="H156" s="8">
        <f t="shared" si="19"/>
        <v>787</v>
      </c>
      <c r="I156" s="8">
        <f t="shared" si="19"/>
        <v>678</v>
      </c>
      <c r="J156" s="8">
        <f t="shared" si="19"/>
        <v>658</v>
      </c>
      <c r="K156" s="8">
        <f t="shared" si="19"/>
        <v>614</v>
      </c>
      <c r="L156" s="8">
        <f t="shared" si="19"/>
        <v>588</v>
      </c>
      <c r="M156" s="8">
        <f t="shared" si="19"/>
        <v>559</v>
      </c>
      <c r="N156" s="8">
        <f t="shared" si="19"/>
        <v>526</v>
      </c>
      <c r="O156" s="8">
        <f t="shared" si="19"/>
        <v>494</v>
      </c>
      <c r="P156" s="8">
        <f t="shared" si="19"/>
        <v>492</v>
      </c>
      <c r="Q156" s="8">
        <v>46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4137</v>
      </c>
      <c r="H157" s="11">
        <f t="shared" si="20"/>
        <v>3858</v>
      </c>
      <c r="I157" s="11">
        <f t="shared" si="20"/>
        <v>3554</v>
      </c>
      <c r="J157" s="11">
        <f t="shared" si="20"/>
        <v>3470</v>
      </c>
      <c r="K157" s="11">
        <f t="shared" si="20"/>
        <v>3414</v>
      </c>
      <c r="L157" s="11">
        <f t="shared" si="20"/>
        <v>3332</v>
      </c>
      <c r="M157" s="11">
        <f t="shared" si="20"/>
        <v>3260</v>
      </c>
      <c r="N157" s="11">
        <f t="shared" si="20"/>
        <v>3167</v>
      </c>
      <c r="O157" s="11">
        <f t="shared" si="20"/>
        <v>3121</v>
      </c>
      <c r="P157" s="11">
        <f t="shared" si="20"/>
        <v>3063</v>
      </c>
      <c r="Q157" s="11">
        <v>2987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578</v>
      </c>
      <c r="H158" s="14">
        <f t="shared" si="21"/>
        <v>1864</v>
      </c>
      <c r="I158" s="14">
        <f t="shared" si="21"/>
        <v>2104</v>
      </c>
      <c r="J158" s="14">
        <f t="shared" si="21"/>
        <v>2137</v>
      </c>
      <c r="K158" s="14">
        <f t="shared" si="21"/>
        <v>2144</v>
      </c>
      <c r="L158" s="14">
        <f t="shared" si="21"/>
        <v>2175</v>
      </c>
      <c r="M158" s="14">
        <f t="shared" si="21"/>
        <v>2178</v>
      </c>
      <c r="N158" s="14">
        <f t="shared" si="21"/>
        <v>2188</v>
      </c>
      <c r="O158" s="14">
        <f t="shared" si="21"/>
        <v>2170</v>
      </c>
      <c r="P158" s="14">
        <f t="shared" si="21"/>
        <v>2172</v>
      </c>
      <c r="Q158" s="14">
        <v>2173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6594</v>
      </c>
      <c r="H159" s="17">
        <f t="shared" ref="H159:N159" si="22">SUM(H156:H158)</f>
        <v>6509</v>
      </c>
      <c r="I159" s="17">
        <f t="shared" si="22"/>
        <v>6336</v>
      </c>
      <c r="J159" s="17">
        <f t="shared" si="22"/>
        <v>6265</v>
      </c>
      <c r="K159" s="17">
        <f t="shared" si="22"/>
        <v>6172</v>
      </c>
      <c r="L159" s="17">
        <f t="shared" si="22"/>
        <v>6095</v>
      </c>
      <c r="M159" s="17">
        <f t="shared" si="22"/>
        <v>5997</v>
      </c>
      <c r="N159" s="17">
        <f t="shared" si="22"/>
        <v>5881</v>
      </c>
      <c r="O159" s="17">
        <f>SUM(O156:O158)</f>
        <v>5785</v>
      </c>
      <c r="P159" s="17">
        <f>SUM(P156:P158)</f>
        <v>5727</v>
      </c>
      <c r="Q159" s="17">
        <f>SUM(Q156:Q158)</f>
        <v>5626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3.3</v>
      </c>
      <c r="H164" s="49">
        <f t="shared" si="23"/>
        <v>12.1</v>
      </c>
      <c r="I164" s="49">
        <f t="shared" si="23"/>
        <v>10.7</v>
      </c>
      <c r="J164" s="49">
        <f t="shared" si="23"/>
        <v>10.5</v>
      </c>
      <c r="K164" s="49">
        <f t="shared" si="23"/>
        <v>9.9</v>
      </c>
      <c r="L164" s="49">
        <f t="shared" si="23"/>
        <v>9.6</v>
      </c>
      <c r="M164" s="49">
        <f t="shared" si="23"/>
        <v>9.3000000000000007</v>
      </c>
      <c r="N164" s="49">
        <f t="shared" si="23"/>
        <v>8.9</v>
      </c>
      <c r="O164" s="49">
        <f t="shared" si="23"/>
        <v>8.5</v>
      </c>
      <c r="P164" s="49">
        <f t="shared" si="23"/>
        <v>8.6</v>
      </c>
      <c r="Q164" s="49">
        <f t="shared" si="23"/>
        <v>8.300000000000000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2.7</v>
      </c>
      <c r="H165" s="50">
        <f t="shared" si="24"/>
        <v>59.3</v>
      </c>
      <c r="I165" s="50">
        <f t="shared" si="24"/>
        <v>56.1</v>
      </c>
      <c r="J165" s="50">
        <f t="shared" si="24"/>
        <v>55.4</v>
      </c>
      <c r="K165" s="50">
        <f t="shared" si="24"/>
        <v>55.3</v>
      </c>
      <c r="L165" s="50">
        <f t="shared" si="24"/>
        <v>54.7</v>
      </c>
      <c r="M165" s="50">
        <f t="shared" si="24"/>
        <v>54.4</v>
      </c>
      <c r="N165" s="50">
        <f t="shared" si="24"/>
        <v>53.9</v>
      </c>
      <c r="O165" s="50">
        <f t="shared" si="24"/>
        <v>53.9</v>
      </c>
      <c r="P165" s="50">
        <f t="shared" si="24"/>
        <v>53.5</v>
      </c>
      <c r="Q165" s="50">
        <f t="shared" si="24"/>
        <v>53.1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3.9</v>
      </c>
      <c r="H166" s="51">
        <f t="shared" si="25"/>
        <v>28.6</v>
      </c>
      <c r="I166" s="51">
        <f t="shared" si="25"/>
        <v>33.200000000000003</v>
      </c>
      <c r="J166" s="51">
        <f t="shared" si="25"/>
        <v>34.1</v>
      </c>
      <c r="K166" s="51">
        <f t="shared" si="25"/>
        <v>34.700000000000003</v>
      </c>
      <c r="L166" s="51">
        <f t="shared" si="25"/>
        <v>35.700000000000003</v>
      </c>
      <c r="M166" s="51">
        <f t="shared" si="25"/>
        <v>36.299999999999997</v>
      </c>
      <c r="N166" s="51">
        <f t="shared" si="25"/>
        <v>37.200000000000003</v>
      </c>
      <c r="O166" s="51">
        <f t="shared" si="25"/>
        <v>37.5</v>
      </c>
      <c r="P166" s="51">
        <f t="shared" si="25"/>
        <v>37.9</v>
      </c>
      <c r="Q166" s="51">
        <f t="shared" si="25"/>
        <v>38.6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5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64BF64-0D15-4E1D-9605-BE0182458358}">
  <sheetPr codeName="Sheet60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54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84</v>
      </c>
      <c r="H5" s="8">
        <f t="shared" si="0"/>
        <v>330</v>
      </c>
      <c r="I5" s="8">
        <f t="shared" si="0"/>
        <v>320</v>
      </c>
      <c r="J5" s="8">
        <f t="shared" si="0"/>
        <v>310</v>
      </c>
      <c r="K5" s="8">
        <f t="shared" si="0"/>
        <v>324</v>
      </c>
      <c r="L5" s="8">
        <f t="shared" si="0"/>
        <v>334</v>
      </c>
      <c r="M5" s="8">
        <f t="shared" si="0"/>
        <v>353</v>
      </c>
      <c r="N5" s="8">
        <f t="shared" si="0"/>
        <v>384</v>
      </c>
      <c r="O5" s="8">
        <f t="shared" si="0"/>
        <v>392</v>
      </c>
      <c r="P5" s="8">
        <f t="shared" si="0"/>
        <v>388</v>
      </c>
      <c r="Q5" s="8">
        <f t="shared" si="0"/>
        <v>399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359</v>
      </c>
      <c r="H6" s="8">
        <f t="shared" si="0"/>
        <v>402</v>
      </c>
      <c r="I6" s="8">
        <f t="shared" si="0"/>
        <v>356</v>
      </c>
      <c r="J6" s="8">
        <f t="shared" si="0"/>
        <v>353</v>
      </c>
      <c r="K6" s="8">
        <f t="shared" si="0"/>
        <v>354</v>
      </c>
      <c r="L6" s="8">
        <f t="shared" si="0"/>
        <v>346</v>
      </c>
      <c r="M6" s="8">
        <f t="shared" si="0"/>
        <v>349</v>
      </c>
      <c r="N6" s="8">
        <f t="shared" si="0"/>
        <v>362</v>
      </c>
      <c r="O6" s="8">
        <f t="shared" si="0"/>
        <v>390</v>
      </c>
      <c r="P6" s="8">
        <f t="shared" si="0"/>
        <v>402</v>
      </c>
      <c r="Q6" s="8">
        <f t="shared" si="0"/>
        <v>422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353</v>
      </c>
      <c r="H7" s="8">
        <f t="shared" si="0"/>
        <v>367</v>
      </c>
      <c r="I7" s="8">
        <f t="shared" si="0"/>
        <v>402</v>
      </c>
      <c r="J7" s="8">
        <f t="shared" si="0"/>
        <v>383</v>
      </c>
      <c r="K7" s="8">
        <f t="shared" si="0"/>
        <v>363</v>
      </c>
      <c r="L7" s="8">
        <f t="shared" si="0"/>
        <v>361</v>
      </c>
      <c r="M7" s="8">
        <f t="shared" si="0"/>
        <v>365</v>
      </c>
      <c r="N7" s="8">
        <f t="shared" si="0"/>
        <v>368</v>
      </c>
      <c r="O7" s="8">
        <f t="shared" si="0"/>
        <v>361</v>
      </c>
      <c r="P7" s="8">
        <f t="shared" si="0"/>
        <v>358</v>
      </c>
      <c r="Q7" s="8">
        <f t="shared" si="0"/>
        <v>358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350</v>
      </c>
      <c r="H8" s="11">
        <f t="shared" si="0"/>
        <v>338</v>
      </c>
      <c r="I8" s="11">
        <f t="shared" si="0"/>
        <v>358</v>
      </c>
      <c r="J8" s="11">
        <f t="shared" si="0"/>
        <v>397</v>
      </c>
      <c r="K8" s="11">
        <f t="shared" si="0"/>
        <v>411</v>
      </c>
      <c r="L8" s="11">
        <f t="shared" si="0"/>
        <v>420</v>
      </c>
      <c r="M8" s="11">
        <f t="shared" si="0"/>
        <v>407</v>
      </c>
      <c r="N8" s="11">
        <f t="shared" si="0"/>
        <v>389</v>
      </c>
      <c r="O8" s="11">
        <f t="shared" si="0"/>
        <v>381</v>
      </c>
      <c r="P8" s="11">
        <f t="shared" si="0"/>
        <v>365</v>
      </c>
      <c r="Q8" s="11">
        <f t="shared" si="0"/>
        <v>366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369</v>
      </c>
      <c r="H9" s="11">
        <f t="shared" si="0"/>
        <v>337</v>
      </c>
      <c r="I9" s="11">
        <f t="shared" si="0"/>
        <v>329</v>
      </c>
      <c r="J9" s="11">
        <f t="shared" si="0"/>
        <v>323</v>
      </c>
      <c r="K9" s="11">
        <f t="shared" si="0"/>
        <v>338</v>
      </c>
      <c r="L9" s="11">
        <f t="shared" si="0"/>
        <v>352</v>
      </c>
      <c r="M9" s="11">
        <f t="shared" si="0"/>
        <v>352</v>
      </c>
      <c r="N9" s="11">
        <f t="shared" si="0"/>
        <v>359</v>
      </c>
      <c r="O9" s="11">
        <f t="shared" si="0"/>
        <v>373</v>
      </c>
      <c r="P9" s="11">
        <f t="shared" si="0"/>
        <v>389</v>
      </c>
      <c r="Q9" s="11">
        <f t="shared" si="0"/>
        <v>395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394</v>
      </c>
      <c r="H10" s="11">
        <f t="shared" si="0"/>
        <v>375</v>
      </c>
      <c r="I10" s="11">
        <f t="shared" si="0"/>
        <v>344</v>
      </c>
      <c r="J10" s="11">
        <f t="shared" si="0"/>
        <v>319</v>
      </c>
      <c r="K10" s="11">
        <f t="shared" si="0"/>
        <v>336</v>
      </c>
      <c r="L10" s="11">
        <f t="shared" si="0"/>
        <v>371</v>
      </c>
      <c r="M10" s="11">
        <f t="shared" si="0"/>
        <v>375</v>
      </c>
      <c r="N10" s="11">
        <f t="shared" si="0"/>
        <v>385</v>
      </c>
      <c r="O10" s="11">
        <f t="shared" si="0"/>
        <v>378</v>
      </c>
      <c r="P10" s="11">
        <f t="shared" si="0"/>
        <v>360</v>
      </c>
      <c r="Q10" s="11">
        <f t="shared" si="0"/>
        <v>383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21</v>
      </c>
      <c r="H11" s="11">
        <f t="shared" si="0"/>
        <v>457</v>
      </c>
      <c r="I11" s="11">
        <f t="shared" si="0"/>
        <v>412</v>
      </c>
      <c r="J11" s="11">
        <f t="shared" si="0"/>
        <v>406</v>
      </c>
      <c r="K11" s="11">
        <f t="shared" si="0"/>
        <v>430</v>
      </c>
      <c r="L11" s="11">
        <f t="shared" si="0"/>
        <v>445</v>
      </c>
      <c r="M11" s="11">
        <f t="shared" si="0"/>
        <v>444</v>
      </c>
      <c r="N11" s="11">
        <f t="shared" si="0"/>
        <v>451</v>
      </c>
      <c r="O11" s="11">
        <f t="shared" si="0"/>
        <v>481</v>
      </c>
      <c r="P11" s="11">
        <f t="shared" si="0"/>
        <v>488</v>
      </c>
      <c r="Q11" s="11">
        <f t="shared" si="0"/>
        <v>50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59</v>
      </c>
      <c r="H12" s="11">
        <f t="shared" si="0"/>
        <v>546</v>
      </c>
      <c r="I12" s="11">
        <f t="shared" si="0"/>
        <v>516</v>
      </c>
      <c r="J12" s="11">
        <f t="shared" si="0"/>
        <v>495</v>
      </c>
      <c r="K12" s="11">
        <f t="shared" si="0"/>
        <v>486</v>
      </c>
      <c r="L12" s="11">
        <f t="shared" si="0"/>
        <v>467</v>
      </c>
      <c r="M12" s="11">
        <f t="shared" si="0"/>
        <v>480</v>
      </c>
      <c r="N12" s="11">
        <f t="shared" si="0"/>
        <v>516</v>
      </c>
      <c r="O12" s="11">
        <f t="shared" si="0"/>
        <v>540</v>
      </c>
      <c r="P12" s="11">
        <f t="shared" si="0"/>
        <v>526</v>
      </c>
      <c r="Q12" s="11">
        <f t="shared" si="0"/>
        <v>538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439</v>
      </c>
      <c r="H13" s="11">
        <f t="shared" si="0"/>
        <v>459</v>
      </c>
      <c r="I13" s="11">
        <f t="shared" si="0"/>
        <v>578</v>
      </c>
      <c r="J13" s="11">
        <f t="shared" si="0"/>
        <v>600</v>
      </c>
      <c r="K13" s="11">
        <f t="shared" si="0"/>
        <v>601</v>
      </c>
      <c r="L13" s="11">
        <f t="shared" si="0"/>
        <v>578</v>
      </c>
      <c r="M13" s="11">
        <f t="shared" si="0"/>
        <v>575</v>
      </c>
      <c r="N13" s="11">
        <f t="shared" si="0"/>
        <v>559</v>
      </c>
      <c r="O13" s="11">
        <f t="shared" si="0"/>
        <v>534</v>
      </c>
      <c r="P13" s="11">
        <f t="shared" si="0"/>
        <v>530</v>
      </c>
      <c r="Q13" s="11">
        <f t="shared" si="0"/>
        <v>52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371</v>
      </c>
      <c r="H14" s="11">
        <f t="shared" si="0"/>
        <v>448</v>
      </c>
      <c r="I14" s="11">
        <f t="shared" si="0"/>
        <v>469</v>
      </c>
      <c r="J14" s="11">
        <f t="shared" si="0"/>
        <v>508</v>
      </c>
      <c r="K14" s="11">
        <f t="shared" si="0"/>
        <v>511</v>
      </c>
      <c r="L14" s="11">
        <f t="shared" si="0"/>
        <v>530</v>
      </c>
      <c r="M14" s="11">
        <f t="shared" si="0"/>
        <v>556</v>
      </c>
      <c r="N14" s="11">
        <f t="shared" si="0"/>
        <v>585</v>
      </c>
      <c r="O14" s="11">
        <f t="shared" si="0"/>
        <v>596</v>
      </c>
      <c r="P14" s="11">
        <f t="shared" si="0"/>
        <v>595</v>
      </c>
      <c r="Q14" s="11">
        <f t="shared" si="0"/>
        <v>582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454</v>
      </c>
      <c r="H15" s="11">
        <f t="shared" si="0"/>
        <v>387</v>
      </c>
      <c r="I15" s="11">
        <f t="shared" si="0"/>
        <v>436</v>
      </c>
      <c r="J15" s="11">
        <f t="shared" si="0"/>
        <v>427</v>
      </c>
      <c r="K15" s="11">
        <f t="shared" si="0"/>
        <v>461</v>
      </c>
      <c r="L15" s="11">
        <f t="shared" si="0"/>
        <v>495</v>
      </c>
      <c r="M15" s="11">
        <f t="shared" si="0"/>
        <v>472</v>
      </c>
      <c r="N15" s="11">
        <f t="shared" si="0"/>
        <v>468</v>
      </c>
      <c r="O15" s="11">
        <f t="shared" si="0"/>
        <v>516</v>
      </c>
      <c r="P15" s="11">
        <f t="shared" si="0"/>
        <v>527</v>
      </c>
      <c r="Q15" s="11">
        <f t="shared" si="0"/>
        <v>540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533</v>
      </c>
      <c r="H16" s="11">
        <f t="shared" si="0"/>
        <v>452</v>
      </c>
      <c r="I16" s="11">
        <f t="shared" si="0"/>
        <v>390</v>
      </c>
      <c r="J16" s="11">
        <f t="shared" si="0"/>
        <v>383</v>
      </c>
      <c r="K16" s="11">
        <f t="shared" si="0"/>
        <v>376</v>
      </c>
      <c r="L16" s="11">
        <f t="shared" si="0"/>
        <v>380</v>
      </c>
      <c r="M16" s="11">
        <f t="shared" si="0"/>
        <v>419</v>
      </c>
      <c r="N16" s="11">
        <f t="shared" si="0"/>
        <v>451</v>
      </c>
      <c r="O16" s="11">
        <f t="shared" si="0"/>
        <v>435</v>
      </c>
      <c r="P16" s="11">
        <f t="shared" si="0"/>
        <v>464</v>
      </c>
      <c r="Q16" s="11">
        <f t="shared" si="0"/>
        <v>493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453</v>
      </c>
      <c r="H17" s="11">
        <f t="shared" si="0"/>
        <v>519</v>
      </c>
      <c r="I17" s="11">
        <f t="shared" si="0"/>
        <v>454</v>
      </c>
      <c r="J17" s="11">
        <f t="shared" si="0"/>
        <v>439</v>
      </c>
      <c r="K17" s="11">
        <f t="shared" si="0"/>
        <v>425</v>
      </c>
      <c r="L17" s="11">
        <f t="shared" si="0"/>
        <v>436</v>
      </c>
      <c r="M17" s="11">
        <f t="shared" si="0"/>
        <v>421</v>
      </c>
      <c r="N17" s="11">
        <f t="shared" si="0"/>
        <v>395</v>
      </c>
      <c r="O17" s="11">
        <f t="shared" si="0"/>
        <v>385</v>
      </c>
      <c r="P17" s="11">
        <f t="shared" si="0"/>
        <v>378</v>
      </c>
      <c r="Q17" s="11">
        <f t="shared" si="0"/>
        <v>383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352</v>
      </c>
      <c r="H18" s="14">
        <f t="shared" si="0"/>
        <v>457</v>
      </c>
      <c r="I18" s="14">
        <f t="shared" si="0"/>
        <v>509</v>
      </c>
      <c r="J18" s="14">
        <f t="shared" si="0"/>
        <v>539</v>
      </c>
      <c r="K18" s="14">
        <f t="shared" si="0"/>
        <v>526</v>
      </c>
      <c r="L18" s="14">
        <f t="shared" si="0"/>
        <v>469</v>
      </c>
      <c r="M18" s="14">
        <f t="shared" si="0"/>
        <v>459</v>
      </c>
      <c r="N18" s="14">
        <f t="shared" si="0"/>
        <v>446</v>
      </c>
      <c r="O18" s="14">
        <f t="shared" si="0"/>
        <v>433</v>
      </c>
      <c r="P18" s="14">
        <f t="shared" si="0"/>
        <v>413</v>
      </c>
      <c r="Q18" s="14">
        <f t="shared" si="0"/>
        <v>429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322</v>
      </c>
      <c r="H19" s="14">
        <f t="shared" si="0"/>
        <v>342</v>
      </c>
      <c r="I19" s="14">
        <f t="shared" si="0"/>
        <v>426</v>
      </c>
      <c r="J19" s="14">
        <f t="shared" si="0"/>
        <v>401</v>
      </c>
      <c r="K19" s="14">
        <f t="shared" si="0"/>
        <v>400</v>
      </c>
      <c r="L19" s="14">
        <f t="shared" si="0"/>
        <v>431</v>
      </c>
      <c r="M19" s="14">
        <f t="shared" si="0"/>
        <v>465</v>
      </c>
      <c r="N19" s="14">
        <f t="shared" si="0"/>
        <v>497</v>
      </c>
      <c r="O19" s="14">
        <f t="shared" si="0"/>
        <v>530</v>
      </c>
      <c r="P19" s="14">
        <f t="shared" si="0"/>
        <v>522</v>
      </c>
      <c r="Q19" s="14">
        <f t="shared" si="0"/>
        <v>46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287</v>
      </c>
      <c r="H20" s="14">
        <f t="shared" si="0"/>
        <v>298</v>
      </c>
      <c r="I20" s="14">
        <f t="shared" si="0"/>
        <v>321</v>
      </c>
      <c r="J20" s="14">
        <f t="shared" si="0"/>
        <v>331</v>
      </c>
      <c r="K20" s="14">
        <f t="shared" si="0"/>
        <v>355</v>
      </c>
      <c r="L20" s="14">
        <f t="shared" si="0"/>
        <v>364</v>
      </c>
      <c r="M20" s="14">
        <f t="shared" si="0"/>
        <v>384</v>
      </c>
      <c r="N20" s="14">
        <f t="shared" si="0"/>
        <v>389</v>
      </c>
      <c r="O20" s="14">
        <f t="shared" si="0"/>
        <v>369</v>
      </c>
      <c r="P20" s="14">
        <f t="shared" si="0"/>
        <v>374</v>
      </c>
      <c r="Q20" s="14">
        <f t="shared" si="0"/>
        <v>402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67</v>
      </c>
      <c r="H21" s="14">
        <f t="shared" si="1"/>
        <v>236</v>
      </c>
      <c r="I21" s="14">
        <f t="shared" si="1"/>
        <v>263</v>
      </c>
      <c r="J21" s="14">
        <f t="shared" si="1"/>
        <v>257</v>
      </c>
      <c r="K21" s="14">
        <f t="shared" si="1"/>
        <v>267</v>
      </c>
      <c r="L21" s="14">
        <f t="shared" si="1"/>
        <v>281</v>
      </c>
      <c r="M21" s="14">
        <f t="shared" si="1"/>
        <v>276</v>
      </c>
      <c r="N21" s="14">
        <f t="shared" si="1"/>
        <v>271</v>
      </c>
      <c r="O21" s="14">
        <f t="shared" si="1"/>
        <v>278</v>
      </c>
      <c r="P21" s="14">
        <f t="shared" si="1"/>
        <v>297</v>
      </c>
      <c r="Q21" s="14">
        <f t="shared" si="1"/>
        <v>30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82</v>
      </c>
      <c r="H22" s="14">
        <f t="shared" si="1"/>
        <v>125</v>
      </c>
      <c r="I22" s="14">
        <f t="shared" si="1"/>
        <v>161</v>
      </c>
      <c r="J22" s="14">
        <f t="shared" si="1"/>
        <v>174</v>
      </c>
      <c r="K22" s="14">
        <f t="shared" si="1"/>
        <v>185</v>
      </c>
      <c r="L22" s="14">
        <f t="shared" si="1"/>
        <v>182</v>
      </c>
      <c r="M22" s="14">
        <f t="shared" si="1"/>
        <v>179</v>
      </c>
      <c r="N22" s="14">
        <f t="shared" si="1"/>
        <v>184</v>
      </c>
      <c r="O22" s="14">
        <f t="shared" si="1"/>
        <v>197</v>
      </c>
      <c r="P22" s="14">
        <f t="shared" si="1"/>
        <v>201</v>
      </c>
      <c r="Q22" s="14">
        <f t="shared" si="1"/>
        <v>206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49</v>
      </c>
      <c r="H23" s="14">
        <f t="shared" si="1"/>
        <v>40</v>
      </c>
      <c r="I23" s="14">
        <f t="shared" si="1"/>
        <v>83</v>
      </c>
      <c r="J23" s="14">
        <f t="shared" si="1"/>
        <v>79</v>
      </c>
      <c r="K23" s="14">
        <f t="shared" si="1"/>
        <v>88</v>
      </c>
      <c r="L23" s="14">
        <f t="shared" si="1"/>
        <v>95</v>
      </c>
      <c r="M23" s="14">
        <f t="shared" si="1"/>
        <v>101</v>
      </c>
      <c r="N23" s="14">
        <f t="shared" si="1"/>
        <v>107</v>
      </c>
      <c r="O23" s="14">
        <f t="shared" si="1"/>
        <v>106</v>
      </c>
      <c r="P23" s="14">
        <f t="shared" si="1"/>
        <v>103</v>
      </c>
      <c r="Q23" s="14">
        <f t="shared" si="1"/>
        <v>93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1</v>
      </c>
      <c r="H24" s="14">
        <f t="shared" si="1"/>
        <v>14</v>
      </c>
      <c r="I24" s="14">
        <f t="shared" si="1"/>
        <v>8</v>
      </c>
      <c r="J24" s="14">
        <f t="shared" si="1"/>
        <v>15</v>
      </c>
      <c r="K24" s="14">
        <f t="shared" si="1"/>
        <v>18</v>
      </c>
      <c r="L24" s="14">
        <f t="shared" si="1"/>
        <v>21</v>
      </c>
      <c r="M24" s="14">
        <f t="shared" si="1"/>
        <v>26</v>
      </c>
      <c r="N24" s="14">
        <f t="shared" si="1"/>
        <v>27</v>
      </c>
      <c r="O24" s="14">
        <f t="shared" si="1"/>
        <v>31</v>
      </c>
      <c r="P24" s="14">
        <f t="shared" si="1"/>
        <v>33</v>
      </c>
      <c r="Q24" s="14">
        <f t="shared" si="1"/>
        <v>35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4</v>
      </c>
      <c r="H25" s="14">
        <f t="shared" si="1"/>
        <v>4</v>
      </c>
      <c r="I25" s="14">
        <f t="shared" si="1"/>
        <v>7</v>
      </c>
      <c r="J25" s="14">
        <f t="shared" si="1"/>
        <v>5</v>
      </c>
      <c r="K25" s="14">
        <f t="shared" si="1"/>
        <v>4</v>
      </c>
      <c r="L25" s="14">
        <f t="shared" si="1"/>
        <v>4</v>
      </c>
      <c r="M25" s="14">
        <f t="shared" si="1"/>
        <v>5</v>
      </c>
      <c r="N25" s="14">
        <f t="shared" si="1"/>
        <v>7</v>
      </c>
      <c r="O25" s="14">
        <f t="shared" si="1"/>
        <v>5</v>
      </c>
      <c r="P25" s="14">
        <f t="shared" si="1"/>
        <v>7</v>
      </c>
      <c r="Q25" s="14">
        <f t="shared" si="1"/>
        <v>4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6713</v>
      </c>
      <c r="H26" s="17">
        <f>SUM(H5:H25)</f>
        <v>6933</v>
      </c>
      <c r="I26" s="17">
        <f t="shared" ref="I26:N26" si="2">SUM(I5:I25)</f>
        <v>7142</v>
      </c>
      <c r="J26" s="17">
        <f t="shared" si="2"/>
        <v>7144</v>
      </c>
      <c r="K26" s="17">
        <f t="shared" si="2"/>
        <v>7259</v>
      </c>
      <c r="L26" s="17">
        <f t="shared" si="2"/>
        <v>7362</v>
      </c>
      <c r="M26" s="17">
        <f t="shared" si="2"/>
        <v>7463</v>
      </c>
      <c r="N26" s="17">
        <f t="shared" si="2"/>
        <v>7600</v>
      </c>
      <c r="O26" s="17">
        <f>SUM(O5:O25)</f>
        <v>7711</v>
      </c>
      <c r="P26" s="17">
        <f>SUM(P5:P25)</f>
        <v>7720</v>
      </c>
      <c r="Q26" s="17">
        <f>SUM(Q5:Q25)</f>
        <v>7823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096</v>
      </c>
      <c r="H31" s="21">
        <f t="shared" si="3"/>
        <v>1099</v>
      </c>
      <c r="I31" s="21">
        <f t="shared" si="3"/>
        <v>1078</v>
      </c>
      <c r="J31" s="21">
        <f t="shared" si="3"/>
        <v>1046</v>
      </c>
      <c r="K31" s="21">
        <f t="shared" si="3"/>
        <v>1041</v>
      </c>
      <c r="L31" s="21">
        <f t="shared" si="3"/>
        <v>1041</v>
      </c>
      <c r="M31" s="21">
        <f t="shared" si="3"/>
        <v>1067</v>
      </c>
      <c r="N31" s="21">
        <f t="shared" si="3"/>
        <v>1114</v>
      </c>
      <c r="O31" s="21">
        <f t="shared" si="3"/>
        <v>1143</v>
      </c>
      <c r="P31" s="21">
        <f t="shared" si="3"/>
        <v>1148</v>
      </c>
      <c r="Q31" s="21">
        <f t="shared" si="3"/>
        <v>117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4343</v>
      </c>
      <c r="H32" s="22">
        <f t="shared" si="4"/>
        <v>4318</v>
      </c>
      <c r="I32" s="22">
        <f t="shared" si="4"/>
        <v>4286</v>
      </c>
      <c r="J32" s="22">
        <f t="shared" si="4"/>
        <v>4297</v>
      </c>
      <c r="K32" s="22">
        <f t="shared" si="4"/>
        <v>4375</v>
      </c>
      <c r="L32" s="22">
        <f t="shared" si="4"/>
        <v>4474</v>
      </c>
      <c r="M32" s="22">
        <f t="shared" si="4"/>
        <v>4501</v>
      </c>
      <c r="N32" s="22">
        <f t="shared" si="4"/>
        <v>4558</v>
      </c>
      <c r="O32" s="22">
        <f t="shared" si="4"/>
        <v>4619</v>
      </c>
      <c r="P32" s="22">
        <f t="shared" si="4"/>
        <v>4622</v>
      </c>
      <c r="Q32" s="22">
        <f t="shared" si="4"/>
        <v>4703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1274</v>
      </c>
      <c r="H33" s="23">
        <f t="shared" si="5"/>
        <v>1516</v>
      </c>
      <c r="I33" s="23">
        <f t="shared" si="5"/>
        <v>1778</v>
      </c>
      <c r="J33" s="23">
        <f t="shared" si="5"/>
        <v>1801</v>
      </c>
      <c r="K33" s="23">
        <f t="shared" si="5"/>
        <v>1843</v>
      </c>
      <c r="L33" s="23">
        <f t="shared" si="5"/>
        <v>1847</v>
      </c>
      <c r="M33" s="23">
        <f t="shared" si="5"/>
        <v>1895</v>
      </c>
      <c r="N33" s="23">
        <f t="shared" si="5"/>
        <v>1928</v>
      </c>
      <c r="O33" s="23">
        <f t="shared" si="5"/>
        <v>1949</v>
      </c>
      <c r="P33" s="23">
        <f t="shared" si="5"/>
        <v>1950</v>
      </c>
      <c r="Q33" s="23">
        <f t="shared" si="5"/>
        <v>1941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6713</v>
      </c>
      <c r="H34" s="24">
        <f>SUM(H31:H33)</f>
        <v>6933</v>
      </c>
      <c r="I34" s="24">
        <f t="shared" ref="I34:N34" si="6">SUM(I31:I33)</f>
        <v>7142</v>
      </c>
      <c r="J34" s="24">
        <f t="shared" si="6"/>
        <v>7144</v>
      </c>
      <c r="K34" s="24">
        <f t="shared" si="6"/>
        <v>7259</v>
      </c>
      <c r="L34" s="24">
        <f t="shared" si="6"/>
        <v>7362</v>
      </c>
      <c r="M34" s="24">
        <f t="shared" si="6"/>
        <v>7463</v>
      </c>
      <c r="N34" s="24">
        <f t="shared" si="6"/>
        <v>7600</v>
      </c>
      <c r="O34" s="24">
        <f>SUM(O31:O33)</f>
        <v>7711</v>
      </c>
      <c r="P34" s="24">
        <f>SUM(P31:P33)</f>
        <v>7720</v>
      </c>
      <c r="Q34" s="24">
        <f>SUM(Q31:Q33)</f>
        <v>7823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6.3</v>
      </c>
      <c r="H39" s="33">
        <f t="shared" si="7"/>
        <v>15.9</v>
      </c>
      <c r="I39" s="33">
        <f t="shared" si="7"/>
        <v>15.1</v>
      </c>
      <c r="J39" s="33">
        <f t="shared" si="7"/>
        <v>14.6</v>
      </c>
      <c r="K39" s="33">
        <f t="shared" si="7"/>
        <v>14.3</v>
      </c>
      <c r="L39" s="33">
        <f t="shared" si="7"/>
        <v>14.1</v>
      </c>
      <c r="M39" s="33">
        <f t="shared" si="7"/>
        <v>14.3</v>
      </c>
      <c r="N39" s="33">
        <f t="shared" si="7"/>
        <v>14.7</v>
      </c>
      <c r="O39" s="33">
        <f t="shared" si="7"/>
        <v>14.8</v>
      </c>
      <c r="P39" s="33">
        <f t="shared" si="7"/>
        <v>14.9</v>
      </c>
      <c r="Q39" s="33">
        <f t="shared" si="7"/>
        <v>15.1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4.7</v>
      </c>
      <c r="H40" s="35">
        <f t="shared" si="8"/>
        <v>62.3</v>
      </c>
      <c r="I40" s="35">
        <f t="shared" si="8"/>
        <v>60</v>
      </c>
      <c r="J40" s="35">
        <f t="shared" si="8"/>
        <v>60.1</v>
      </c>
      <c r="K40" s="35">
        <f t="shared" si="8"/>
        <v>60.3</v>
      </c>
      <c r="L40" s="35">
        <f t="shared" si="8"/>
        <v>60.8</v>
      </c>
      <c r="M40" s="35">
        <f t="shared" si="8"/>
        <v>60.3</v>
      </c>
      <c r="N40" s="35">
        <f t="shared" si="8"/>
        <v>60</v>
      </c>
      <c r="O40" s="35">
        <f t="shared" si="8"/>
        <v>59.9</v>
      </c>
      <c r="P40" s="35">
        <f t="shared" si="8"/>
        <v>59.9</v>
      </c>
      <c r="Q40" s="35">
        <f t="shared" si="8"/>
        <v>60.1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9</v>
      </c>
      <c r="H41" s="37">
        <f t="shared" si="9"/>
        <v>21.9</v>
      </c>
      <c r="I41" s="37">
        <f t="shared" si="9"/>
        <v>24.9</v>
      </c>
      <c r="J41" s="37">
        <f t="shared" si="9"/>
        <v>25.2</v>
      </c>
      <c r="K41" s="37">
        <f t="shared" si="9"/>
        <v>25.4</v>
      </c>
      <c r="L41" s="37">
        <f t="shared" si="9"/>
        <v>25.1</v>
      </c>
      <c r="M41" s="37">
        <f t="shared" si="9"/>
        <v>25.4</v>
      </c>
      <c r="N41" s="37">
        <f t="shared" si="9"/>
        <v>25.4</v>
      </c>
      <c r="O41" s="37">
        <f t="shared" si="9"/>
        <v>25.3</v>
      </c>
      <c r="P41" s="37">
        <f t="shared" si="9"/>
        <v>25.3</v>
      </c>
      <c r="Q41" s="37">
        <f t="shared" si="9"/>
        <v>24.8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5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92</v>
      </c>
      <c r="H84" s="8">
        <v>165</v>
      </c>
      <c r="I84" s="8">
        <v>166</v>
      </c>
      <c r="J84" s="8">
        <v>155</v>
      </c>
      <c r="K84" s="8">
        <v>167</v>
      </c>
      <c r="L84" s="8">
        <v>166</v>
      </c>
      <c r="M84" s="8">
        <v>175</v>
      </c>
      <c r="N84" s="21">
        <v>207</v>
      </c>
      <c r="O84" s="21">
        <v>207</v>
      </c>
      <c r="P84" s="21">
        <v>199</v>
      </c>
      <c r="Q84" s="21">
        <v>208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80</v>
      </c>
      <c r="H85" s="8">
        <v>209</v>
      </c>
      <c r="I85" s="8">
        <v>190</v>
      </c>
      <c r="J85" s="8">
        <v>201</v>
      </c>
      <c r="K85" s="8">
        <v>200</v>
      </c>
      <c r="L85" s="8">
        <v>187</v>
      </c>
      <c r="M85" s="8">
        <v>188</v>
      </c>
      <c r="N85" s="21">
        <v>183</v>
      </c>
      <c r="O85" s="21">
        <v>198</v>
      </c>
      <c r="P85" s="21">
        <v>217</v>
      </c>
      <c r="Q85" s="21">
        <v>215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93</v>
      </c>
      <c r="H86" s="8">
        <v>189</v>
      </c>
      <c r="I86" s="8">
        <v>203</v>
      </c>
      <c r="J86" s="8">
        <v>189</v>
      </c>
      <c r="K86" s="8">
        <v>191</v>
      </c>
      <c r="L86" s="8">
        <v>193</v>
      </c>
      <c r="M86" s="8">
        <v>195</v>
      </c>
      <c r="N86" s="21">
        <v>198</v>
      </c>
      <c r="O86" s="21">
        <v>204</v>
      </c>
      <c r="P86" s="21">
        <v>194</v>
      </c>
      <c r="Q86" s="21">
        <v>192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87</v>
      </c>
      <c r="H87" s="11">
        <v>178</v>
      </c>
      <c r="I87" s="11">
        <v>187</v>
      </c>
      <c r="J87" s="11">
        <v>198</v>
      </c>
      <c r="K87" s="11">
        <v>203</v>
      </c>
      <c r="L87" s="11">
        <v>212</v>
      </c>
      <c r="M87" s="11">
        <v>201</v>
      </c>
      <c r="N87" s="22">
        <v>200</v>
      </c>
      <c r="O87" s="22">
        <v>190</v>
      </c>
      <c r="P87" s="22">
        <v>195</v>
      </c>
      <c r="Q87" s="22">
        <v>197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85</v>
      </c>
      <c r="H88" s="11">
        <v>175</v>
      </c>
      <c r="I88" s="11">
        <v>161</v>
      </c>
      <c r="J88" s="11">
        <v>165</v>
      </c>
      <c r="K88" s="11">
        <v>174</v>
      </c>
      <c r="L88" s="11">
        <v>183</v>
      </c>
      <c r="M88" s="11">
        <v>178</v>
      </c>
      <c r="N88" s="22">
        <v>189</v>
      </c>
      <c r="O88" s="22">
        <v>186</v>
      </c>
      <c r="P88" s="22">
        <v>194</v>
      </c>
      <c r="Q88" s="22">
        <v>189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203</v>
      </c>
      <c r="H89" s="11">
        <v>206</v>
      </c>
      <c r="I89" s="11">
        <v>169</v>
      </c>
      <c r="J89" s="11">
        <v>164</v>
      </c>
      <c r="K89" s="11">
        <v>173</v>
      </c>
      <c r="L89" s="11">
        <v>188</v>
      </c>
      <c r="M89" s="11">
        <v>189</v>
      </c>
      <c r="N89" s="22">
        <v>201</v>
      </c>
      <c r="O89" s="22">
        <v>202</v>
      </c>
      <c r="P89" s="22">
        <v>186</v>
      </c>
      <c r="Q89" s="22">
        <v>208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66</v>
      </c>
      <c r="H90" s="11">
        <v>246</v>
      </c>
      <c r="I90" s="11">
        <v>216</v>
      </c>
      <c r="J90" s="11">
        <v>214</v>
      </c>
      <c r="K90" s="11">
        <v>235</v>
      </c>
      <c r="L90" s="11">
        <v>244</v>
      </c>
      <c r="M90" s="11">
        <v>229</v>
      </c>
      <c r="N90" s="22">
        <v>231</v>
      </c>
      <c r="O90" s="22">
        <v>246</v>
      </c>
      <c r="P90" s="22">
        <v>252</v>
      </c>
      <c r="Q90" s="22">
        <v>252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20</v>
      </c>
      <c r="H91" s="11">
        <v>274</v>
      </c>
      <c r="I91" s="11">
        <v>274</v>
      </c>
      <c r="J91" s="11">
        <v>252</v>
      </c>
      <c r="K91" s="11">
        <v>248</v>
      </c>
      <c r="L91" s="11">
        <v>236</v>
      </c>
      <c r="M91" s="11">
        <v>248</v>
      </c>
      <c r="N91" s="22">
        <v>269</v>
      </c>
      <c r="O91" s="22">
        <v>287</v>
      </c>
      <c r="P91" s="22">
        <v>287</v>
      </c>
      <c r="Q91" s="22">
        <v>290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26</v>
      </c>
      <c r="H92" s="11">
        <v>223</v>
      </c>
      <c r="I92" s="11">
        <v>292</v>
      </c>
      <c r="J92" s="11">
        <v>306</v>
      </c>
      <c r="K92" s="11">
        <v>309</v>
      </c>
      <c r="L92" s="11">
        <v>296</v>
      </c>
      <c r="M92" s="11">
        <v>313</v>
      </c>
      <c r="N92" s="22">
        <v>301</v>
      </c>
      <c r="O92" s="22">
        <v>274</v>
      </c>
      <c r="P92" s="22">
        <v>270</v>
      </c>
      <c r="Q92" s="22">
        <v>263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84</v>
      </c>
      <c r="H93" s="11">
        <v>228</v>
      </c>
      <c r="I93" s="11">
        <v>231</v>
      </c>
      <c r="J93" s="11">
        <v>250</v>
      </c>
      <c r="K93" s="11">
        <v>261</v>
      </c>
      <c r="L93" s="11">
        <v>270</v>
      </c>
      <c r="M93" s="11">
        <v>274</v>
      </c>
      <c r="N93" s="22">
        <v>304</v>
      </c>
      <c r="O93" s="22">
        <v>316</v>
      </c>
      <c r="P93" s="22">
        <v>315</v>
      </c>
      <c r="Q93" s="22">
        <v>301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230</v>
      </c>
      <c r="H94" s="11">
        <v>196</v>
      </c>
      <c r="I94" s="11">
        <v>222</v>
      </c>
      <c r="J94" s="11">
        <v>222</v>
      </c>
      <c r="K94" s="11">
        <v>236</v>
      </c>
      <c r="L94" s="11">
        <v>256</v>
      </c>
      <c r="M94" s="11">
        <v>240</v>
      </c>
      <c r="N94" s="22">
        <v>227</v>
      </c>
      <c r="O94" s="22">
        <v>254</v>
      </c>
      <c r="P94" s="22">
        <v>271</v>
      </c>
      <c r="Q94" s="22">
        <v>279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67</v>
      </c>
      <c r="H95" s="11">
        <v>226</v>
      </c>
      <c r="I95" s="11">
        <v>199</v>
      </c>
      <c r="J95" s="11">
        <v>198</v>
      </c>
      <c r="K95" s="11">
        <v>199</v>
      </c>
      <c r="L95" s="11">
        <v>200</v>
      </c>
      <c r="M95" s="11">
        <v>224</v>
      </c>
      <c r="N95" s="22">
        <v>234</v>
      </c>
      <c r="O95" s="22">
        <v>230</v>
      </c>
      <c r="P95" s="22">
        <v>233</v>
      </c>
      <c r="Q95" s="22">
        <v>250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210</v>
      </c>
      <c r="H96" s="11">
        <v>254</v>
      </c>
      <c r="I96" s="11">
        <v>219</v>
      </c>
      <c r="J96" s="11">
        <v>208</v>
      </c>
      <c r="K96" s="11">
        <v>193</v>
      </c>
      <c r="L96" s="11">
        <v>206</v>
      </c>
      <c r="M96" s="11">
        <v>201</v>
      </c>
      <c r="N96" s="22">
        <v>200</v>
      </c>
      <c r="O96" s="22">
        <v>198</v>
      </c>
      <c r="P96" s="22">
        <v>199</v>
      </c>
      <c r="Q96" s="22">
        <v>199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82</v>
      </c>
      <c r="H97" s="14">
        <v>216</v>
      </c>
      <c r="I97" s="14">
        <v>246</v>
      </c>
      <c r="J97" s="14">
        <v>268</v>
      </c>
      <c r="K97" s="14">
        <v>262</v>
      </c>
      <c r="L97" s="14">
        <v>232</v>
      </c>
      <c r="M97" s="14">
        <v>231</v>
      </c>
      <c r="N97" s="23">
        <v>211</v>
      </c>
      <c r="O97" s="23">
        <v>197</v>
      </c>
      <c r="P97" s="23">
        <v>180</v>
      </c>
      <c r="Q97" s="23">
        <v>195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33</v>
      </c>
      <c r="H98" s="14">
        <v>176</v>
      </c>
      <c r="I98" s="14">
        <v>190</v>
      </c>
      <c r="J98" s="14">
        <v>177</v>
      </c>
      <c r="K98" s="14">
        <v>182</v>
      </c>
      <c r="L98" s="14">
        <v>198</v>
      </c>
      <c r="M98" s="14">
        <v>212</v>
      </c>
      <c r="N98" s="23">
        <v>236</v>
      </c>
      <c r="O98" s="23">
        <v>255</v>
      </c>
      <c r="P98" s="23">
        <v>247</v>
      </c>
      <c r="Q98" s="23">
        <v>225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120</v>
      </c>
      <c r="H99" s="14">
        <v>117</v>
      </c>
      <c r="I99" s="14">
        <v>155</v>
      </c>
      <c r="J99" s="14">
        <v>159</v>
      </c>
      <c r="K99" s="14">
        <v>172</v>
      </c>
      <c r="L99" s="14">
        <v>169</v>
      </c>
      <c r="M99" s="14">
        <v>167</v>
      </c>
      <c r="N99" s="23">
        <v>167</v>
      </c>
      <c r="O99" s="23">
        <v>155</v>
      </c>
      <c r="P99" s="23">
        <v>165</v>
      </c>
      <c r="Q99" s="23">
        <v>175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59</v>
      </c>
      <c r="H100" s="14">
        <v>92</v>
      </c>
      <c r="I100" s="14">
        <v>98</v>
      </c>
      <c r="J100" s="14">
        <v>98</v>
      </c>
      <c r="K100" s="14">
        <v>104</v>
      </c>
      <c r="L100" s="14">
        <v>114</v>
      </c>
      <c r="M100" s="14">
        <v>119</v>
      </c>
      <c r="N100" s="23">
        <v>120</v>
      </c>
      <c r="O100" s="23">
        <v>124</v>
      </c>
      <c r="P100" s="23">
        <v>132</v>
      </c>
      <c r="Q100" s="23">
        <v>134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33</v>
      </c>
      <c r="H101" s="14">
        <v>38</v>
      </c>
      <c r="I101" s="14">
        <v>53</v>
      </c>
      <c r="J101" s="14">
        <v>54</v>
      </c>
      <c r="K101" s="14">
        <v>54</v>
      </c>
      <c r="L101" s="14">
        <v>55</v>
      </c>
      <c r="M101" s="14">
        <v>57</v>
      </c>
      <c r="N101" s="23">
        <v>60</v>
      </c>
      <c r="O101" s="23">
        <v>67</v>
      </c>
      <c r="P101" s="23">
        <v>66</v>
      </c>
      <c r="Q101" s="23">
        <v>70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11</v>
      </c>
      <c r="H102" s="14">
        <v>16</v>
      </c>
      <c r="I102" s="14">
        <v>18</v>
      </c>
      <c r="J102" s="14">
        <v>17</v>
      </c>
      <c r="K102" s="14">
        <v>26</v>
      </c>
      <c r="L102" s="14">
        <v>28</v>
      </c>
      <c r="M102" s="14">
        <v>26</v>
      </c>
      <c r="N102" s="23">
        <v>23</v>
      </c>
      <c r="O102" s="23">
        <v>22</v>
      </c>
      <c r="P102" s="23">
        <v>20</v>
      </c>
      <c r="Q102" s="23">
        <v>19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1</v>
      </c>
      <c r="H103" s="14">
        <v>3</v>
      </c>
      <c r="I103" s="14">
        <v>3</v>
      </c>
      <c r="J103" s="14">
        <v>3</v>
      </c>
      <c r="K103" s="14">
        <v>4</v>
      </c>
      <c r="L103" s="14">
        <v>4</v>
      </c>
      <c r="M103" s="14">
        <v>7</v>
      </c>
      <c r="N103" s="23">
        <v>2</v>
      </c>
      <c r="O103" s="23">
        <v>2</v>
      </c>
      <c r="P103" s="23">
        <v>3</v>
      </c>
      <c r="Q103" s="23">
        <v>5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2</v>
      </c>
      <c r="O104" s="23">
        <v>2</v>
      </c>
      <c r="P104" s="23">
        <v>1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3282</v>
      </c>
      <c r="H105" s="17">
        <f t="shared" ref="H105:N105" si="10">SUM(H84:H104)</f>
        <v>3427</v>
      </c>
      <c r="I105" s="17">
        <f t="shared" si="10"/>
        <v>3492</v>
      </c>
      <c r="J105" s="17">
        <f t="shared" si="10"/>
        <v>3498</v>
      </c>
      <c r="K105" s="17">
        <f t="shared" si="10"/>
        <v>3593</v>
      </c>
      <c r="L105" s="17">
        <f t="shared" si="10"/>
        <v>3637</v>
      </c>
      <c r="M105" s="17">
        <f t="shared" si="10"/>
        <v>3674</v>
      </c>
      <c r="N105" s="17">
        <f t="shared" si="10"/>
        <v>3765</v>
      </c>
      <c r="O105" s="17">
        <f>SUM(O84:O104)</f>
        <v>3816</v>
      </c>
      <c r="P105" s="17">
        <f>SUM(P84:P104)</f>
        <v>3826</v>
      </c>
      <c r="Q105" s="17">
        <f>SUM(Q84:Q104)</f>
        <v>3866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565</v>
      </c>
      <c r="H110" s="8">
        <f t="shared" si="11"/>
        <v>563</v>
      </c>
      <c r="I110" s="8">
        <f t="shared" si="11"/>
        <v>559</v>
      </c>
      <c r="J110" s="8">
        <f t="shared" si="11"/>
        <v>545</v>
      </c>
      <c r="K110" s="8">
        <f t="shared" si="11"/>
        <v>558</v>
      </c>
      <c r="L110" s="8">
        <f t="shared" si="11"/>
        <v>546</v>
      </c>
      <c r="M110" s="8">
        <f t="shared" si="11"/>
        <v>558</v>
      </c>
      <c r="N110" s="8">
        <f t="shared" si="11"/>
        <v>588</v>
      </c>
      <c r="O110" s="8">
        <f t="shared" si="11"/>
        <v>609</v>
      </c>
      <c r="P110" s="8">
        <f t="shared" si="11"/>
        <v>610</v>
      </c>
      <c r="Q110" s="8">
        <v>615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2178</v>
      </c>
      <c r="H111" s="11">
        <f t="shared" si="12"/>
        <v>2206</v>
      </c>
      <c r="I111" s="11">
        <f t="shared" si="12"/>
        <v>2170</v>
      </c>
      <c r="J111" s="11">
        <f t="shared" si="12"/>
        <v>2177</v>
      </c>
      <c r="K111" s="11">
        <f t="shared" si="12"/>
        <v>2231</v>
      </c>
      <c r="L111" s="11">
        <f t="shared" si="12"/>
        <v>2291</v>
      </c>
      <c r="M111" s="11">
        <f t="shared" si="12"/>
        <v>2297</v>
      </c>
      <c r="N111" s="11">
        <f t="shared" si="12"/>
        <v>2356</v>
      </c>
      <c r="O111" s="11">
        <f t="shared" si="12"/>
        <v>2383</v>
      </c>
      <c r="P111" s="11">
        <f t="shared" si="12"/>
        <v>2402</v>
      </c>
      <c r="Q111" s="11">
        <v>2428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539</v>
      </c>
      <c r="H112" s="14">
        <f t="shared" si="13"/>
        <v>658</v>
      </c>
      <c r="I112" s="14">
        <f t="shared" si="13"/>
        <v>763</v>
      </c>
      <c r="J112" s="14">
        <f t="shared" si="13"/>
        <v>776</v>
      </c>
      <c r="K112" s="14">
        <f t="shared" si="13"/>
        <v>804</v>
      </c>
      <c r="L112" s="14">
        <f t="shared" si="13"/>
        <v>800</v>
      </c>
      <c r="M112" s="14">
        <f t="shared" si="13"/>
        <v>819</v>
      </c>
      <c r="N112" s="14">
        <f t="shared" si="13"/>
        <v>821</v>
      </c>
      <c r="O112" s="14">
        <f t="shared" si="13"/>
        <v>824</v>
      </c>
      <c r="P112" s="14">
        <f t="shared" si="13"/>
        <v>814</v>
      </c>
      <c r="Q112" s="14">
        <v>82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3282</v>
      </c>
      <c r="H113" s="17">
        <f t="shared" ref="H113:N113" si="14">SUM(H110:H112)</f>
        <v>3427</v>
      </c>
      <c r="I113" s="17">
        <f t="shared" si="14"/>
        <v>3492</v>
      </c>
      <c r="J113" s="17">
        <f t="shared" si="14"/>
        <v>3498</v>
      </c>
      <c r="K113" s="17">
        <f t="shared" si="14"/>
        <v>3593</v>
      </c>
      <c r="L113" s="17">
        <f t="shared" si="14"/>
        <v>3637</v>
      </c>
      <c r="M113" s="17">
        <f t="shared" si="14"/>
        <v>3674</v>
      </c>
      <c r="N113" s="17">
        <f t="shared" si="14"/>
        <v>3765</v>
      </c>
      <c r="O113" s="17">
        <f>SUM(O110:O112)</f>
        <v>3816</v>
      </c>
      <c r="P113" s="17">
        <f>SUM(P110:P112)</f>
        <v>3826</v>
      </c>
      <c r="Q113" s="17">
        <f>SUM(Q110:Q112)</f>
        <v>386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7.2</v>
      </c>
      <c r="H118" s="49">
        <f t="shared" si="15"/>
        <v>16.399999999999999</v>
      </c>
      <c r="I118" s="49">
        <f t="shared" si="15"/>
        <v>16</v>
      </c>
      <c r="J118" s="49">
        <f t="shared" si="15"/>
        <v>15.6</v>
      </c>
      <c r="K118" s="49">
        <f t="shared" si="15"/>
        <v>15.5</v>
      </c>
      <c r="L118" s="49">
        <f t="shared" si="15"/>
        <v>15</v>
      </c>
      <c r="M118" s="49">
        <f t="shared" si="15"/>
        <v>15.2</v>
      </c>
      <c r="N118" s="49">
        <f t="shared" si="15"/>
        <v>15.6</v>
      </c>
      <c r="O118" s="49">
        <f t="shared" si="15"/>
        <v>16</v>
      </c>
      <c r="P118" s="49">
        <f t="shared" si="15"/>
        <v>15.9</v>
      </c>
      <c r="Q118" s="49">
        <f t="shared" si="15"/>
        <v>15.9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6.400000000000006</v>
      </c>
      <c r="H119" s="50">
        <f t="shared" si="16"/>
        <v>64.400000000000006</v>
      </c>
      <c r="I119" s="50">
        <f t="shared" si="16"/>
        <v>62.1</v>
      </c>
      <c r="J119" s="50">
        <f t="shared" si="16"/>
        <v>62.2</v>
      </c>
      <c r="K119" s="50">
        <f t="shared" si="16"/>
        <v>62.1</v>
      </c>
      <c r="L119" s="50">
        <f t="shared" si="16"/>
        <v>63</v>
      </c>
      <c r="M119" s="50">
        <f t="shared" si="16"/>
        <v>62.5</v>
      </c>
      <c r="N119" s="50">
        <f t="shared" si="16"/>
        <v>62.6</v>
      </c>
      <c r="O119" s="50">
        <f t="shared" si="16"/>
        <v>62.4</v>
      </c>
      <c r="P119" s="50">
        <f t="shared" si="16"/>
        <v>62.8</v>
      </c>
      <c r="Q119" s="50">
        <f t="shared" si="16"/>
        <v>62.8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6.399999999999999</v>
      </c>
      <c r="H120" s="51">
        <f t="shared" si="17"/>
        <v>19.2</v>
      </c>
      <c r="I120" s="51">
        <f t="shared" si="17"/>
        <v>21.8</v>
      </c>
      <c r="J120" s="51">
        <f t="shared" si="17"/>
        <v>22.2</v>
      </c>
      <c r="K120" s="51">
        <f t="shared" si="17"/>
        <v>22.4</v>
      </c>
      <c r="L120" s="51">
        <f t="shared" si="17"/>
        <v>22</v>
      </c>
      <c r="M120" s="51">
        <f t="shared" si="17"/>
        <v>22.3</v>
      </c>
      <c r="N120" s="51">
        <f t="shared" si="17"/>
        <v>21.8</v>
      </c>
      <c r="O120" s="51">
        <f t="shared" si="17"/>
        <v>21.6</v>
      </c>
      <c r="P120" s="51">
        <f t="shared" si="17"/>
        <v>21.3</v>
      </c>
      <c r="Q120" s="51">
        <f t="shared" si="17"/>
        <v>21.3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6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92</v>
      </c>
      <c r="H130" s="8">
        <v>165</v>
      </c>
      <c r="I130" s="8">
        <v>154</v>
      </c>
      <c r="J130" s="8">
        <v>155</v>
      </c>
      <c r="K130" s="8">
        <v>157</v>
      </c>
      <c r="L130" s="8">
        <v>168</v>
      </c>
      <c r="M130" s="8">
        <v>178</v>
      </c>
      <c r="N130" s="21">
        <v>177</v>
      </c>
      <c r="O130" s="21">
        <v>185</v>
      </c>
      <c r="P130" s="21">
        <v>189</v>
      </c>
      <c r="Q130" s="21">
        <v>19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79</v>
      </c>
      <c r="H131" s="8">
        <v>193</v>
      </c>
      <c r="I131" s="8">
        <v>166</v>
      </c>
      <c r="J131" s="8">
        <v>152</v>
      </c>
      <c r="K131" s="8">
        <v>154</v>
      </c>
      <c r="L131" s="8">
        <v>159</v>
      </c>
      <c r="M131" s="8">
        <v>161</v>
      </c>
      <c r="N131" s="21">
        <v>179</v>
      </c>
      <c r="O131" s="21">
        <v>192</v>
      </c>
      <c r="P131" s="21">
        <v>185</v>
      </c>
      <c r="Q131" s="21">
        <v>207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60</v>
      </c>
      <c r="H132" s="8">
        <v>178</v>
      </c>
      <c r="I132" s="8">
        <v>199</v>
      </c>
      <c r="J132" s="8">
        <v>194</v>
      </c>
      <c r="K132" s="8">
        <v>172</v>
      </c>
      <c r="L132" s="8">
        <v>168</v>
      </c>
      <c r="M132" s="8">
        <v>170</v>
      </c>
      <c r="N132" s="21">
        <v>170</v>
      </c>
      <c r="O132" s="21">
        <v>157</v>
      </c>
      <c r="P132" s="21">
        <v>164</v>
      </c>
      <c r="Q132" s="21">
        <v>16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63</v>
      </c>
      <c r="H133" s="11">
        <v>160</v>
      </c>
      <c r="I133" s="11">
        <v>171</v>
      </c>
      <c r="J133" s="11">
        <v>199</v>
      </c>
      <c r="K133" s="11">
        <v>208</v>
      </c>
      <c r="L133" s="11">
        <v>208</v>
      </c>
      <c r="M133" s="11">
        <v>206</v>
      </c>
      <c r="N133" s="22">
        <v>189</v>
      </c>
      <c r="O133" s="22">
        <v>191</v>
      </c>
      <c r="P133" s="22">
        <v>170</v>
      </c>
      <c r="Q133" s="22">
        <v>169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84</v>
      </c>
      <c r="H134" s="11">
        <v>162</v>
      </c>
      <c r="I134" s="11">
        <v>168</v>
      </c>
      <c r="J134" s="11">
        <v>158</v>
      </c>
      <c r="K134" s="11">
        <v>164</v>
      </c>
      <c r="L134" s="11">
        <v>169</v>
      </c>
      <c r="M134" s="11">
        <v>174</v>
      </c>
      <c r="N134" s="22">
        <v>170</v>
      </c>
      <c r="O134" s="22">
        <v>187</v>
      </c>
      <c r="P134" s="22">
        <v>195</v>
      </c>
      <c r="Q134" s="22">
        <v>206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91</v>
      </c>
      <c r="H135" s="11">
        <v>169</v>
      </c>
      <c r="I135" s="11">
        <v>175</v>
      </c>
      <c r="J135" s="11">
        <v>155</v>
      </c>
      <c r="K135" s="11">
        <v>163</v>
      </c>
      <c r="L135" s="11">
        <v>183</v>
      </c>
      <c r="M135" s="11">
        <v>186</v>
      </c>
      <c r="N135" s="22">
        <v>184</v>
      </c>
      <c r="O135" s="22">
        <v>176</v>
      </c>
      <c r="P135" s="22">
        <v>174</v>
      </c>
      <c r="Q135" s="22">
        <v>175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55</v>
      </c>
      <c r="H136" s="11">
        <v>211</v>
      </c>
      <c r="I136" s="11">
        <v>196</v>
      </c>
      <c r="J136" s="11">
        <v>192</v>
      </c>
      <c r="K136" s="11">
        <v>195</v>
      </c>
      <c r="L136" s="11">
        <v>201</v>
      </c>
      <c r="M136" s="11">
        <v>215</v>
      </c>
      <c r="N136" s="22">
        <v>220</v>
      </c>
      <c r="O136" s="22">
        <v>235</v>
      </c>
      <c r="P136" s="22">
        <v>236</v>
      </c>
      <c r="Q136" s="22">
        <v>250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39</v>
      </c>
      <c r="H137" s="11">
        <v>272</v>
      </c>
      <c r="I137" s="11">
        <v>242</v>
      </c>
      <c r="J137" s="11">
        <v>243</v>
      </c>
      <c r="K137" s="11">
        <v>238</v>
      </c>
      <c r="L137" s="11">
        <v>231</v>
      </c>
      <c r="M137" s="11">
        <v>232</v>
      </c>
      <c r="N137" s="22">
        <v>247</v>
      </c>
      <c r="O137" s="22">
        <v>253</v>
      </c>
      <c r="P137" s="22">
        <v>239</v>
      </c>
      <c r="Q137" s="22">
        <v>248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213</v>
      </c>
      <c r="H138" s="11">
        <v>236</v>
      </c>
      <c r="I138" s="11">
        <v>286</v>
      </c>
      <c r="J138" s="11">
        <v>294</v>
      </c>
      <c r="K138" s="11">
        <v>292</v>
      </c>
      <c r="L138" s="11">
        <v>282</v>
      </c>
      <c r="M138" s="11">
        <v>262</v>
      </c>
      <c r="N138" s="22">
        <v>258</v>
      </c>
      <c r="O138" s="22">
        <v>260</v>
      </c>
      <c r="P138" s="22">
        <v>260</v>
      </c>
      <c r="Q138" s="22">
        <v>258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87</v>
      </c>
      <c r="H139" s="11">
        <v>220</v>
      </c>
      <c r="I139" s="11">
        <v>238</v>
      </c>
      <c r="J139" s="11">
        <v>258</v>
      </c>
      <c r="K139" s="11">
        <v>250</v>
      </c>
      <c r="L139" s="11">
        <v>260</v>
      </c>
      <c r="M139" s="11">
        <v>282</v>
      </c>
      <c r="N139" s="22">
        <v>281</v>
      </c>
      <c r="O139" s="22">
        <v>280</v>
      </c>
      <c r="P139" s="22">
        <v>280</v>
      </c>
      <c r="Q139" s="22">
        <v>281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224</v>
      </c>
      <c r="H140" s="11">
        <v>191</v>
      </c>
      <c r="I140" s="11">
        <v>214</v>
      </c>
      <c r="J140" s="11">
        <v>205</v>
      </c>
      <c r="K140" s="11">
        <v>225</v>
      </c>
      <c r="L140" s="11">
        <v>239</v>
      </c>
      <c r="M140" s="11">
        <v>232</v>
      </c>
      <c r="N140" s="22">
        <v>241</v>
      </c>
      <c r="O140" s="22">
        <v>262</v>
      </c>
      <c r="P140" s="22">
        <v>256</v>
      </c>
      <c r="Q140" s="22">
        <v>261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66</v>
      </c>
      <c r="H141" s="11">
        <v>226</v>
      </c>
      <c r="I141" s="11">
        <v>191</v>
      </c>
      <c r="J141" s="11">
        <v>185</v>
      </c>
      <c r="K141" s="11">
        <v>177</v>
      </c>
      <c r="L141" s="11">
        <v>180</v>
      </c>
      <c r="M141" s="11">
        <v>195</v>
      </c>
      <c r="N141" s="22">
        <v>217</v>
      </c>
      <c r="O141" s="22">
        <v>205</v>
      </c>
      <c r="P141" s="22">
        <v>231</v>
      </c>
      <c r="Q141" s="22">
        <v>243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243</v>
      </c>
      <c r="H142" s="11">
        <v>265</v>
      </c>
      <c r="I142" s="11">
        <v>235</v>
      </c>
      <c r="J142" s="11">
        <v>231</v>
      </c>
      <c r="K142" s="11">
        <v>232</v>
      </c>
      <c r="L142" s="11">
        <v>230</v>
      </c>
      <c r="M142" s="11">
        <v>220</v>
      </c>
      <c r="N142" s="22">
        <v>195</v>
      </c>
      <c r="O142" s="22">
        <v>187</v>
      </c>
      <c r="P142" s="22">
        <v>179</v>
      </c>
      <c r="Q142" s="22">
        <v>184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70</v>
      </c>
      <c r="H143" s="14">
        <v>241</v>
      </c>
      <c r="I143" s="14">
        <v>263</v>
      </c>
      <c r="J143" s="14">
        <v>271</v>
      </c>
      <c r="K143" s="14">
        <v>264</v>
      </c>
      <c r="L143" s="14">
        <v>237</v>
      </c>
      <c r="M143" s="14">
        <v>228</v>
      </c>
      <c r="N143" s="23">
        <v>235</v>
      </c>
      <c r="O143" s="23">
        <v>236</v>
      </c>
      <c r="P143" s="23">
        <v>233</v>
      </c>
      <c r="Q143" s="23">
        <v>234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89</v>
      </c>
      <c r="H144" s="14">
        <v>166</v>
      </c>
      <c r="I144" s="14">
        <v>236</v>
      </c>
      <c r="J144" s="14">
        <v>224</v>
      </c>
      <c r="K144" s="14">
        <v>218</v>
      </c>
      <c r="L144" s="14">
        <v>233</v>
      </c>
      <c r="M144" s="14">
        <v>253</v>
      </c>
      <c r="N144" s="23">
        <v>261</v>
      </c>
      <c r="O144" s="23">
        <v>275</v>
      </c>
      <c r="P144" s="23">
        <v>275</v>
      </c>
      <c r="Q144" s="23">
        <v>241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67</v>
      </c>
      <c r="H145" s="14">
        <v>181</v>
      </c>
      <c r="I145" s="14">
        <v>166</v>
      </c>
      <c r="J145" s="14">
        <v>172</v>
      </c>
      <c r="K145" s="14">
        <v>183</v>
      </c>
      <c r="L145" s="14">
        <v>195</v>
      </c>
      <c r="M145" s="14">
        <v>217</v>
      </c>
      <c r="N145" s="23">
        <v>222</v>
      </c>
      <c r="O145" s="23">
        <v>214</v>
      </c>
      <c r="P145" s="23">
        <v>209</v>
      </c>
      <c r="Q145" s="23">
        <v>227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108</v>
      </c>
      <c r="H146" s="14">
        <v>144</v>
      </c>
      <c r="I146" s="14">
        <v>165</v>
      </c>
      <c r="J146" s="14">
        <v>159</v>
      </c>
      <c r="K146" s="14">
        <v>163</v>
      </c>
      <c r="L146" s="14">
        <v>167</v>
      </c>
      <c r="M146" s="14">
        <v>157</v>
      </c>
      <c r="N146" s="23">
        <v>151</v>
      </c>
      <c r="O146" s="23">
        <v>154</v>
      </c>
      <c r="P146" s="23">
        <v>165</v>
      </c>
      <c r="Q146" s="23">
        <v>172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49</v>
      </c>
      <c r="H147" s="14">
        <v>87</v>
      </c>
      <c r="I147" s="14">
        <v>108</v>
      </c>
      <c r="J147" s="14">
        <v>120</v>
      </c>
      <c r="K147" s="14">
        <v>131</v>
      </c>
      <c r="L147" s="14">
        <v>127</v>
      </c>
      <c r="M147" s="14">
        <v>122</v>
      </c>
      <c r="N147" s="23">
        <v>124</v>
      </c>
      <c r="O147" s="23">
        <v>130</v>
      </c>
      <c r="P147" s="23">
        <v>135</v>
      </c>
      <c r="Q147" s="23">
        <v>136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38</v>
      </c>
      <c r="H148" s="14">
        <v>24</v>
      </c>
      <c r="I148" s="14">
        <v>65</v>
      </c>
      <c r="J148" s="14">
        <v>62</v>
      </c>
      <c r="K148" s="14">
        <v>62</v>
      </c>
      <c r="L148" s="14">
        <v>67</v>
      </c>
      <c r="M148" s="14">
        <v>75</v>
      </c>
      <c r="N148" s="23">
        <v>84</v>
      </c>
      <c r="O148" s="23">
        <v>84</v>
      </c>
      <c r="P148" s="23">
        <v>83</v>
      </c>
      <c r="Q148" s="23">
        <v>74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0</v>
      </c>
      <c r="H149" s="14">
        <v>11</v>
      </c>
      <c r="I149" s="14">
        <v>5</v>
      </c>
      <c r="J149" s="14">
        <v>12</v>
      </c>
      <c r="K149" s="14">
        <v>14</v>
      </c>
      <c r="L149" s="14">
        <v>17</v>
      </c>
      <c r="M149" s="14">
        <v>19</v>
      </c>
      <c r="N149" s="23">
        <v>25</v>
      </c>
      <c r="O149" s="23">
        <v>29</v>
      </c>
      <c r="P149" s="23">
        <v>30</v>
      </c>
      <c r="Q149" s="23">
        <v>3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4</v>
      </c>
      <c r="H150" s="14">
        <v>4</v>
      </c>
      <c r="I150" s="14">
        <v>7</v>
      </c>
      <c r="J150" s="14">
        <v>5</v>
      </c>
      <c r="K150" s="14">
        <v>4</v>
      </c>
      <c r="L150" s="14">
        <v>4</v>
      </c>
      <c r="M150" s="14">
        <v>5</v>
      </c>
      <c r="N150" s="23">
        <v>5</v>
      </c>
      <c r="O150" s="23">
        <v>3</v>
      </c>
      <c r="P150" s="23">
        <v>6</v>
      </c>
      <c r="Q150" s="23">
        <v>4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3431</v>
      </c>
      <c r="H151" s="17">
        <f t="shared" ref="H151:N151" si="18">SUM(H130:H150)</f>
        <v>3506</v>
      </c>
      <c r="I151" s="17">
        <f t="shared" si="18"/>
        <v>3650</v>
      </c>
      <c r="J151" s="17">
        <f t="shared" si="18"/>
        <v>3646</v>
      </c>
      <c r="K151" s="17">
        <f t="shared" si="18"/>
        <v>3666</v>
      </c>
      <c r="L151" s="17">
        <f t="shared" si="18"/>
        <v>3725</v>
      </c>
      <c r="M151" s="17">
        <f t="shared" si="18"/>
        <v>3789</v>
      </c>
      <c r="N151" s="17">
        <f t="shared" si="18"/>
        <v>3835</v>
      </c>
      <c r="O151" s="17">
        <f>SUM(O130:O150)</f>
        <v>3895</v>
      </c>
      <c r="P151" s="17">
        <f>SUM(P130:P150)</f>
        <v>3894</v>
      </c>
      <c r="Q151" s="17">
        <f>SUM(Q130:Q150)</f>
        <v>3957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531</v>
      </c>
      <c r="H156" s="8">
        <f t="shared" si="19"/>
        <v>536</v>
      </c>
      <c r="I156" s="8">
        <f t="shared" si="19"/>
        <v>519</v>
      </c>
      <c r="J156" s="8">
        <f t="shared" si="19"/>
        <v>501</v>
      </c>
      <c r="K156" s="8">
        <f t="shared" si="19"/>
        <v>483</v>
      </c>
      <c r="L156" s="8">
        <f t="shared" si="19"/>
        <v>495</v>
      </c>
      <c r="M156" s="8">
        <f t="shared" si="19"/>
        <v>509</v>
      </c>
      <c r="N156" s="8">
        <f t="shared" si="19"/>
        <v>526</v>
      </c>
      <c r="O156" s="8">
        <f t="shared" si="19"/>
        <v>534</v>
      </c>
      <c r="P156" s="8">
        <f t="shared" si="19"/>
        <v>538</v>
      </c>
      <c r="Q156" s="8">
        <v>56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2165</v>
      </c>
      <c r="H157" s="11">
        <f t="shared" si="20"/>
        <v>2112</v>
      </c>
      <c r="I157" s="11">
        <f t="shared" si="20"/>
        <v>2116</v>
      </c>
      <c r="J157" s="11">
        <f t="shared" si="20"/>
        <v>2120</v>
      </c>
      <c r="K157" s="11">
        <f t="shared" si="20"/>
        <v>2144</v>
      </c>
      <c r="L157" s="11">
        <f t="shared" si="20"/>
        <v>2183</v>
      </c>
      <c r="M157" s="11">
        <f t="shared" si="20"/>
        <v>2204</v>
      </c>
      <c r="N157" s="11">
        <f t="shared" si="20"/>
        <v>2202</v>
      </c>
      <c r="O157" s="11">
        <f t="shared" si="20"/>
        <v>2236</v>
      </c>
      <c r="P157" s="11">
        <f t="shared" si="20"/>
        <v>2220</v>
      </c>
      <c r="Q157" s="11">
        <v>2275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735</v>
      </c>
      <c r="H158" s="14">
        <f t="shared" si="21"/>
        <v>858</v>
      </c>
      <c r="I158" s="14">
        <f t="shared" si="21"/>
        <v>1015</v>
      </c>
      <c r="J158" s="14">
        <f t="shared" si="21"/>
        <v>1025</v>
      </c>
      <c r="K158" s="14">
        <f t="shared" si="21"/>
        <v>1039</v>
      </c>
      <c r="L158" s="14">
        <f t="shared" si="21"/>
        <v>1047</v>
      </c>
      <c r="M158" s="14">
        <f t="shared" si="21"/>
        <v>1076</v>
      </c>
      <c r="N158" s="14">
        <f t="shared" si="21"/>
        <v>1107</v>
      </c>
      <c r="O158" s="14">
        <f t="shared" si="21"/>
        <v>1125</v>
      </c>
      <c r="P158" s="14">
        <f t="shared" si="21"/>
        <v>1136</v>
      </c>
      <c r="Q158" s="14">
        <v>1118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3431</v>
      </c>
      <c r="H159" s="17">
        <f t="shared" ref="H159:N159" si="22">SUM(H156:H158)</f>
        <v>3506</v>
      </c>
      <c r="I159" s="17">
        <f t="shared" si="22"/>
        <v>3650</v>
      </c>
      <c r="J159" s="17">
        <f t="shared" si="22"/>
        <v>3646</v>
      </c>
      <c r="K159" s="17">
        <f t="shared" si="22"/>
        <v>3666</v>
      </c>
      <c r="L159" s="17">
        <f t="shared" si="22"/>
        <v>3725</v>
      </c>
      <c r="M159" s="17">
        <f t="shared" si="22"/>
        <v>3789</v>
      </c>
      <c r="N159" s="17">
        <f t="shared" si="22"/>
        <v>3835</v>
      </c>
      <c r="O159" s="17">
        <f>SUM(O156:O158)</f>
        <v>3895</v>
      </c>
      <c r="P159" s="17">
        <f>SUM(P156:P158)</f>
        <v>3894</v>
      </c>
      <c r="Q159" s="17">
        <f>SUM(Q156:Q158)</f>
        <v>3957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5.5</v>
      </c>
      <c r="H164" s="49">
        <f t="shared" si="23"/>
        <v>15.3</v>
      </c>
      <c r="I164" s="49">
        <f t="shared" si="23"/>
        <v>14.2</v>
      </c>
      <c r="J164" s="49">
        <f t="shared" si="23"/>
        <v>13.7</v>
      </c>
      <c r="K164" s="49">
        <f t="shared" si="23"/>
        <v>13.2</v>
      </c>
      <c r="L164" s="49">
        <f t="shared" si="23"/>
        <v>13.3</v>
      </c>
      <c r="M164" s="49">
        <f t="shared" si="23"/>
        <v>13.4</v>
      </c>
      <c r="N164" s="49">
        <f t="shared" si="23"/>
        <v>13.7</v>
      </c>
      <c r="O164" s="49">
        <f t="shared" si="23"/>
        <v>13.7</v>
      </c>
      <c r="P164" s="49">
        <f t="shared" si="23"/>
        <v>13.8</v>
      </c>
      <c r="Q164" s="49">
        <f t="shared" si="23"/>
        <v>14.3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3.1</v>
      </c>
      <c r="H165" s="50">
        <f t="shared" si="24"/>
        <v>60.2</v>
      </c>
      <c r="I165" s="50">
        <f t="shared" si="24"/>
        <v>58</v>
      </c>
      <c r="J165" s="50">
        <f t="shared" si="24"/>
        <v>58.1</v>
      </c>
      <c r="K165" s="50">
        <f t="shared" si="24"/>
        <v>58.5</v>
      </c>
      <c r="L165" s="50">
        <f t="shared" si="24"/>
        <v>58.6</v>
      </c>
      <c r="M165" s="50">
        <f t="shared" si="24"/>
        <v>58.2</v>
      </c>
      <c r="N165" s="50">
        <f t="shared" si="24"/>
        <v>57.4</v>
      </c>
      <c r="O165" s="50">
        <f t="shared" si="24"/>
        <v>57.4</v>
      </c>
      <c r="P165" s="50">
        <f t="shared" si="24"/>
        <v>57</v>
      </c>
      <c r="Q165" s="50">
        <f t="shared" si="24"/>
        <v>57.5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1.4</v>
      </c>
      <c r="H166" s="51">
        <f t="shared" si="25"/>
        <v>24.5</v>
      </c>
      <c r="I166" s="51">
        <f t="shared" si="25"/>
        <v>27.8</v>
      </c>
      <c r="J166" s="51">
        <f t="shared" si="25"/>
        <v>28.1</v>
      </c>
      <c r="K166" s="51">
        <f t="shared" si="25"/>
        <v>28.3</v>
      </c>
      <c r="L166" s="51">
        <f t="shared" si="25"/>
        <v>28.1</v>
      </c>
      <c r="M166" s="51">
        <f t="shared" si="25"/>
        <v>28.4</v>
      </c>
      <c r="N166" s="51">
        <f t="shared" si="25"/>
        <v>28.9</v>
      </c>
      <c r="O166" s="51">
        <f t="shared" si="25"/>
        <v>28.9</v>
      </c>
      <c r="P166" s="51">
        <f t="shared" si="25"/>
        <v>29.2</v>
      </c>
      <c r="Q166" s="51">
        <f t="shared" si="25"/>
        <v>28.3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5F8981-9745-43B4-BA3A-9D5BD4BE8163}">
  <sheetPr codeName="Sheet98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57</v>
      </c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8</v>
      </c>
      <c r="B5" s="7" t="s">
        <v>7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058</v>
      </c>
      <c r="H5" s="8">
        <f t="shared" si="0"/>
        <v>860</v>
      </c>
      <c r="I5" s="8">
        <f t="shared" si="0"/>
        <v>763</v>
      </c>
      <c r="J5" s="8">
        <f t="shared" si="0"/>
        <v>722</v>
      </c>
      <c r="K5" s="8">
        <f t="shared" si="0"/>
        <v>731</v>
      </c>
      <c r="L5" s="8">
        <f t="shared" si="0"/>
        <v>709</v>
      </c>
      <c r="M5" s="8">
        <f t="shared" si="0"/>
        <v>735</v>
      </c>
      <c r="N5" s="8">
        <f t="shared" si="0"/>
        <v>718</v>
      </c>
      <c r="O5" s="8">
        <f t="shared" si="0"/>
        <v>708</v>
      </c>
      <c r="P5" s="8">
        <f t="shared" si="0"/>
        <v>699</v>
      </c>
      <c r="Q5" s="8">
        <f t="shared" si="0"/>
        <v>684</v>
      </c>
    </row>
    <row r="6" spans="1:20" ht="23.25" customHeight="1" x14ac:dyDescent="0.2">
      <c r="A6" s="6" t="s">
        <v>59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047</v>
      </c>
      <c r="H6" s="8">
        <f t="shared" si="0"/>
        <v>1088</v>
      </c>
      <c r="I6" s="8">
        <f t="shared" si="0"/>
        <v>873</v>
      </c>
      <c r="J6" s="8">
        <f t="shared" si="0"/>
        <v>866</v>
      </c>
      <c r="K6" s="8">
        <f t="shared" si="0"/>
        <v>845</v>
      </c>
      <c r="L6" s="8">
        <f t="shared" si="0"/>
        <v>821</v>
      </c>
      <c r="M6" s="8">
        <f t="shared" si="0"/>
        <v>797</v>
      </c>
      <c r="N6" s="8">
        <f t="shared" si="0"/>
        <v>792</v>
      </c>
      <c r="O6" s="8">
        <f t="shared" si="0"/>
        <v>784</v>
      </c>
      <c r="P6" s="8">
        <f t="shared" si="0"/>
        <v>794</v>
      </c>
      <c r="Q6" s="8">
        <f t="shared" si="0"/>
        <v>795</v>
      </c>
    </row>
    <row r="7" spans="1:20" ht="23.25" customHeight="1" x14ac:dyDescent="0.2">
      <c r="A7" s="6" t="s">
        <v>60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135</v>
      </c>
      <c r="H7" s="8">
        <f t="shared" si="0"/>
        <v>1076</v>
      </c>
      <c r="I7" s="8">
        <f t="shared" si="0"/>
        <v>1082</v>
      </c>
      <c r="J7" s="8">
        <f t="shared" si="0"/>
        <v>1031</v>
      </c>
      <c r="K7" s="8">
        <f t="shared" si="0"/>
        <v>937</v>
      </c>
      <c r="L7" s="8">
        <f t="shared" si="0"/>
        <v>912</v>
      </c>
      <c r="M7" s="8">
        <f t="shared" si="0"/>
        <v>883</v>
      </c>
      <c r="N7" s="8">
        <f t="shared" si="0"/>
        <v>868</v>
      </c>
      <c r="O7" s="8">
        <f t="shared" si="0"/>
        <v>852</v>
      </c>
      <c r="P7" s="8">
        <f t="shared" si="0"/>
        <v>845</v>
      </c>
      <c r="Q7" s="8">
        <f t="shared" si="0"/>
        <v>831</v>
      </c>
    </row>
    <row r="8" spans="1:20" ht="23.25" customHeight="1" x14ac:dyDescent="0.2">
      <c r="A8" s="9" t="s">
        <v>61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211</v>
      </c>
      <c r="H8" s="11">
        <f t="shared" si="0"/>
        <v>1102</v>
      </c>
      <c r="I8" s="11">
        <f t="shared" si="0"/>
        <v>1066</v>
      </c>
      <c r="J8" s="11">
        <f t="shared" si="0"/>
        <v>1098</v>
      </c>
      <c r="K8" s="11">
        <f t="shared" si="0"/>
        <v>1144</v>
      </c>
      <c r="L8" s="11">
        <f t="shared" si="0"/>
        <v>1114</v>
      </c>
      <c r="M8" s="11">
        <f t="shared" si="0"/>
        <v>1092</v>
      </c>
      <c r="N8" s="11">
        <f t="shared" si="0"/>
        <v>1041</v>
      </c>
      <c r="O8" s="11">
        <f t="shared" si="0"/>
        <v>996</v>
      </c>
      <c r="P8" s="11">
        <f t="shared" si="0"/>
        <v>909</v>
      </c>
      <c r="Q8" s="11">
        <f t="shared" si="0"/>
        <v>894</v>
      </c>
    </row>
    <row r="9" spans="1:20" ht="23.25" customHeight="1" x14ac:dyDescent="0.2">
      <c r="A9" s="9" t="s">
        <v>62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245</v>
      </c>
      <c r="H9" s="11">
        <f t="shared" si="0"/>
        <v>1171</v>
      </c>
      <c r="I9" s="11">
        <f t="shared" si="0"/>
        <v>1044</v>
      </c>
      <c r="J9" s="11">
        <f t="shared" si="0"/>
        <v>1041</v>
      </c>
      <c r="K9" s="11">
        <f t="shared" si="0"/>
        <v>1023</v>
      </c>
      <c r="L9" s="11">
        <f t="shared" si="0"/>
        <v>1063</v>
      </c>
      <c r="M9" s="11">
        <f t="shared" si="0"/>
        <v>1024</v>
      </c>
      <c r="N9" s="11">
        <f t="shared" si="0"/>
        <v>1015</v>
      </c>
      <c r="O9" s="11">
        <f t="shared" si="0"/>
        <v>1029</v>
      </c>
      <c r="P9" s="11">
        <f t="shared" si="0"/>
        <v>1051</v>
      </c>
      <c r="Q9" s="11">
        <f t="shared" si="0"/>
        <v>1015</v>
      </c>
    </row>
    <row r="10" spans="1:20" ht="23.25" customHeight="1" x14ac:dyDescent="0.2">
      <c r="A10" s="9" t="s">
        <v>63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1267</v>
      </c>
      <c r="H10" s="11">
        <f t="shared" si="0"/>
        <v>1200</v>
      </c>
      <c r="I10" s="11">
        <f t="shared" si="0"/>
        <v>1097</v>
      </c>
      <c r="J10" s="11">
        <f t="shared" si="0"/>
        <v>996</v>
      </c>
      <c r="K10" s="11">
        <f t="shared" si="0"/>
        <v>990</v>
      </c>
      <c r="L10" s="11">
        <f t="shared" si="0"/>
        <v>962</v>
      </c>
      <c r="M10" s="11">
        <f t="shared" si="0"/>
        <v>989</v>
      </c>
      <c r="N10" s="11">
        <f t="shared" si="0"/>
        <v>988</v>
      </c>
      <c r="O10" s="11">
        <f t="shared" si="0"/>
        <v>967</v>
      </c>
      <c r="P10" s="11">
        <f t="shared" si="0"/>
        <v>923</v>
      </c>
      <c r="Q10" s="11">
        <f t="shared" si="0"/>
        <v>953</v>
      </c>
    </row>
    <row r="11" spans="1:20" ht="23.25" customHeight="1" x14ac:dyDescent="0.2">
      <c r="A11" s="9" t="s">
        <v>64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1622</v>
      </c>
      <c r="H11" s="11">
        <f t="shared" si="0"/>
        <v>1271</v>
      </c>
      <c r="I11" s="11">
        <f t="shared" si="0"/>
        <v>1199</v>
      </c>
      <c r="J11" s="11">
        <f t="shared" si="0"/>
        <v>1177</v>
      </c>
      <c r="K11" s="11">
        <f t="shared" si="0"/>
        <v>1151</v>
      </c>
      <c r="L11" s="11">
        <f t="shared" si="0"/>
        <v>1153</v>
      </c>
      <c r="M11" s="11">
        <f t="shared" si="0"/>
        <v>1143</v>
      </c>
      <c r="N11" s="11">
        <f t="shared" si="0"/>
        <v>1097</v>
      </c>
      <c r="O11" s="11">
        <f t="shared" si="0"/>
        <v>1089</v>
      </c>
      <c r="P11" s="11">
        <f t="shared" si="0"/>
        <v>1082</v>
      </c>
      <c r="Q11" s="11">
        <f t="shared" si="0"/>
        <v>1045</v>
      </c>
    </row>
    <row r="12" spans="1:20" ht="23.25" customHeight="1" x14ac:dyDescent="0.2">
      <c r="A12" s="9" t="s">
        <v>65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438</v>
      </c>
      <c r="H12" s="11">
        <f t="shared" si="0"/>
        <v>1606</v>
      </c>
      <c r="I12" s="11">
        <f t="shared" si="0"/>
        <v>1330</v>
      </c>
      <c r="J12" s="11">
        <f t="shared" si="0"/>
        <v>1260</v>
      </c>
      <c r="K12" s="11">
        <f t="shared" si="0"/>
        <v>1256</v>
      </c>
      <c r="L12" s="11">
        <f t="shared" si="0"/>
        <v>1205</v>
      </c>
      <c r="M12" s="11">
        <f t="shared" si="0"/>
        <v>1190</v>
      </c>
      <c r="N12" s="11">
        <f t="shared" si="0"/>
        <v>1213</v>
      </c>
      <c r="O12" s="11">
        <f t="shared" si="0"/>
        <v>1228</v>
      </c>
      <c r="P12" s="11">
        <f t="shared" si="0"/>
        <v>1194</v>
      </c>
      <c r="Q12" s="11">
        <f t="shared" si="0"/>
        <v>1202</v>
      </c>
    </row>
    <row r="13" spans="1:20" ht="23.25" customHeight="1" x14ac:dyDescent="0.2">
      <c r="A13" s="9" t="s">
        <v>66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427</v>
      </c>
      <c r="H13" s="11">
        <f t="shared" si="0"/>
        <v>1462</v>
      </c>
      <c r="I13" s="11">
        <f t="shared" si="0"/>
        <v>1616</v>
      </c>
      <c r="J13" s="11">
        <f t="shared" si="0"/>
        <v>1585</v>
      </c>
      <c r="K13" s="11">
        <f t="shared" si="0"/>
        <v>1516</v>
      </c>
      <c r="L13" s="11">
        <f t="shared" si="0"/>
        <v>1472</v>
      </c>
      <c r="M13" s="11">
        <f t="shared" si="0"/>
        <v>1417</v>
      </c>
      <c r="N13" s="11">
        <f t="shared" si="0"/>
        <v>1337</v>
      </c>
      <c r="O13" s="11">
        <f t="shared" si="0"/>
        <v>1277</v>
      </c>
      <c r="P13" s="11">
        <f t="shared" si="0"/>
        <v>1273</v>
      </c>
      <c r="Q13" s="11">
        <f t="shared" si="0"/>
        <v>1235</v>
      </c>
    </row>
    <row r="14" spans="1:20" ht="23.25" customHeight="1" x14ac:dyDescent="0.2">
      <c r="A14" s="9" t="s">
        <v>67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439</v>
      </c>
      <c r="H14" s="11">
        <f t="shared" si="0"/>
        <v>1427</v>
      </c>
      <c r="I14" s="11">
        <f t="shared" si="0"/>
        <v>1449</v>
      </c>
      <c r="J14" s="11">
        <f t="shared" si="0"/>
        <v>1544</v>
      </c>
      <c r="K14" s="11">
        <f t="shared" si="0"/>
        <v>1541</v>
      </c>
      <c r="L14" s="11">
        <f t="shared" si="0"/>
        <v>1561</v>
      </c>
      <c r="M14" s="11">
        <f t="shared" si="0"/>
        <v>1553</v>
      </c>
      <c r="N14" s="11">
        <f t="shared" si="0"/>
        <v>1595</v>
      </c>
      <c r="O14" s="11">
        <f t="shared" si="0"/>
        <v>1554</v>
      </c>
      <c r="P14" s="11">
        <f t="shared" si="0"/>
        <v>1496</v>
      </c>
      <c r="Q14" s="11">
        <f t="shared" si="0"/>
        <v>1473</v>
      </c>
    </row>
    <row r="15" spans="1:20" ht="23.25" customHeight="1" x14ac:dyDescent="0.2">
      <c r="A15" s="9" t="s">
        <v>68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1616</v>
      </c>
      <c r="H15" s="11">
        <f t="shared" si="0"/>
        <v>1432</v>
      </c>
      <c r="I15" s="11">
        <f t="shared" si="0"/>
        <v>1419</v>
      </c>
      <c r="J15" s="11">
        <f t="shared" si="0"/>
        <v>1363</v>
      </c>
      <c r="K15" s="11">
        <f t="shared" si="0"/>
        <v>1434</v>
      </c>
      <c r="L15" s="11">
        <f t="shared" si="0"/>
        <v>1450</v>
      </c>
      <c r="M15" s="11">
        <f t="shared" si="0"/>
        <v>1436</v>
      </c>
      <c r="N15" s="11">
        <f t="shared" si="0"/>
        <v>1416</v>
      </c>
      <c r="O15" s="11">
        <f t="shared" si="0"/>
        <v>1519</v>
      </c>
      <c r="P15" s="11">
        <f t="shared" si="0"/>
        <v>1533</v>
      </c>
      <c r="Q15" s="11">
        <f t="shared" si="0"/>
        <v>1546</v>
      </c>
    </row>
    <row r="16" spans="1:20" ht="23.25" customHeight="1" x14ac:dyDescent="0.2">
      <c r="A16" s="9" t="s">
        <v>69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796</v>
      </c>
      <c r="H16" s="11">
        <f t="shared" si="0"/>
        <v>1602</v>
      </c>
      <c r="I16" s="11">
        <f t="shared" si="0"/>
        <v>1420</v>
      </c>
      <c r="J16" s="11">
        <f t="shared" si="0"/>
        <v>1431</v>
      </c>
      <c r="K16" s="11">
        <f t="shared" si="0"/>
        <v>1398</v>
      </c>
      <c r="L16" s="11">
        <f t="shared" si="0"/>
        <v>1383</v>
      </c>
      <c r="M16" s="11">
        <f t="shared" si="0"/>
        <v>1393</v>
      </c>
      <c r="N16" s="11">
        <f t="shared" si="0"/>
        <v>1417</v>
      </c>
      <c r="O16" s="11">
        <f t="shared" si="0"/>
        <v>1353</v>
      </c>
      <c r="P16" s="11">
        <f t="shared" si="0"/>
        <v>1405</v>
      </c>
      <c r="Q16" s="11">
        <f t="shared" si="0"/>
        <v>1431</v>
      </c>
    </row>
    <row r="17" spans="1:17" ht="23.25" customHeight="1" x14ac:dyDescent="0.2">
      <c r="A17" s="9" t="s">
        <v>70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567</v>
      </c>
      <c r="H17" s="11">
        <f t="shared" si="0"/>
        <v>1788</v>
      </c>
      <c r="I17" s="11">
        <f t="shared" si="0"/>
        <v>1582</v>
      </c>
      <c r="J17" s="11">
        <f t="shared" si="0"/>
        <v>1524</v>
      </c>
      <c r="K17" s="11">
        <f t="shared" si="0"/>
        <v>1510</v>
      </c>
      <c r="L17" s="11">
        <f t="shared" si="0"/>
        <v>1490</v>
      </c>
      <c r="M17" s="11">
        <f t="shared" si="0"/>
        <v>1448</v>
      </c>
      <c r="N17" s="11">
        <f t="shared" si="0"/>
        <v>1394</v>
      </c>
      <c r="O17" s="11">
        <f t="shared" si="0"/>
        <v>1400</v>
      </c>
      <c r="P17" s="11">
        <f t="shared" si="0"/>
        <v>1366</v>
      </c>
      <c r="Q17" s="11">
        <f t="shared" si="0"/>
        <v>1351</v>
      </c>
    </row>
    <row r="18" spans="1:17" ht="23.25" customHeight="1" x14ac:dyDescent="0.2">
      <c r="A18" s="12" t="s">
        <v>71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313</v>
      </c>
      <c r="H18" s="14">
        <f t="shared" si="0"/>
        <v>1548</v>
      </c>
      <c r="I18" s="14">
        <f t="shared" si="0"/>
        <v>1724</v>
      </c>
      <c r="J18" s="14">
        <f t="shared" si="0"/>
        <v>1833</v>
      </c>
      <c r="K18" s="14">
        <f t="shared" si="0"/>
        <v>1696</v>
      </c>
      <c r="L18" s="14">
        <f t="shared" si="0"/>
        <v>1596</v>
      </c>
      <c r="M18" s="14">
        <f t="shared" si="0"/>
        <v>1554</v>
      </c>
      <c r="N18" s="14">
        <f t="shared" si="0"/>
        <v>1518</v>
      </c>
      <c r="O18" s="14">
        <f t="shared" si="0"/>
        <v>1481</v>
      </c>
      <c r="P18" s="14">
        <f t="shared" si="0"/>
        <v>1455</v>
      </c>
      <c r="Q18" s="14">
        <f t="shared" si="0"/>
        <v>1448</v>
      </c>
    </row>
    <row r="19" spans="1:17" ht="23.25" customHeight="1" x14ac:dyDescent="0.2">
      <c r="A19" s="12" t="s">
        <v>72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336</v>
      </c>
      <c r="H19" s="14">
        <f t="shared" si="0"/>
        <v>1260</v>
      </c>
      <c r="I19" s="14">
        <f t="shared" si="0"/>
        <v>1461</v>
      </c>
      <c r="J19" s="14">
        <f t="shared" si="0"/>
        <v>1349</v>
      </c>
      <c r="K19" s="14">
        <f t="shared" si="0"/>
        <v>1414</v>
      </c>
      <c r="L19" s="14">
        <f t="shared" si="0"/>
        <v>1510</v>
      </c>
      <c r="M19" s="14">
        <f t="shared" si="0"/>
        <v>1571</v>
      </c>
      <c r="N19" s="14">
        <f t="shared" si="0"/>
        <v>1646</v>
      </c>
      <c r="O19" s="14">
        <f t="shared" si="0"/>
        <v>1742</v>
      </c>
      <c r="P19" s="14">
        <f t="shared" si="0"/>
        <v>1617</v>
      </c>
      <c r="Q19" s="14">
        <f t="shared" si="0"/>
        <v>1514</v>
      </c>
    </row>
    <row r="20" spans="1:17" ht="23.25" customHeight="1" x14ac:dyDescent="0.2">
      <c r="A20" s="12" t="s">
        <v>73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091</v>
      </c>
      <c r="H20" s="14">
        <f t="shared" si="0"/>
        <v>1207</v>
      </c>
      <c r="I20" s="14">
        <f t="shared" si="0"/>
        <v>1170</v>
      </c>
      <c r="J20" s="14">
        <f t="shared" si="0"/>
        <v>1186</v>
      </c>
      <c r="K20" s="14">
        <f t="shared" si="0"/>
        <v>1269</v>
      </c>
      <c r="L20" s="14">
        <f t="shared" si="0"/>
        <v>1300</v>
      </c>
      <c r="M20" s="14">
        <f t="shared" si="0"/>
        <v>1344</v>
      </c>
      <c r="N20" s="14">
        <f t="shared" si="0"/>
        <v>1338</v>
      </c>
      <c r="O20" s="14">
        <f t="shared" si="0"/>
        <v>1234</v>
      </c>
      <c r="P20" s="14">
        <f t="shared" si="0"/>
        <v>1310</v>
      </c>
      <c r="Q20" s="14">
        <f t="shared" si="0"/>
        <v>1378</v>
      </c>
    </row>
    <row r="21" spans="1:17" ht="23.25" customHeight="1" x14ac:dyDescent="0.2">
      <c r="A21" s="12" t="s">
        <v>74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661</v>
      </c>
      <c r="H21" s="14">
        <f t="shared" si="1"/>
        <v>919</v>
      </c>
      <c r="I21" s="14">
        <f t="shared" si="1"/>
        <v>1017</v>
      </c>
      <c r="J21" s="14">
        <f t="shared" si="1"/>
        <v>1027</v>
      </c>
      <c r="K21" s="14">
        <f t="shared" si="1"/>
        <v>1013</v>
      </c>
      <c r="L21" s="14">
        <f t="shared" si="1"/>
        <v>1036</v>
      </c>
      <c r="M21" s="14">
        <f t="shared" si="1"/>
        <v>1006</v>
      </c>
      <c r="N21" s="14">
        <f t="shared" si="1"/>
        <v>997</v>
      </c>
      <c r="O21" s="14">
        <f t="shared" si="1"/>
        <v>1013</v>
      </c>
      <c r="P21" s="14">
        <f t="shared" si="1"/>
        <v>1079</v>
      </c>
      <c r="Q21" s="14">
        <f t="shared" si="1"/>
        <v>1122</v>
      </c>
    </row>
    <row r="22" spans="1:17" ht="23.25" customHeight="1" x14ac:dyDescent="0.2">
      <c r="A22" s="12" t="s">
        <v>75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59</v>
      </c>
      <c r="H22" s="14">
        <f t="shared" si="1"/>
        <v>491</v>
      </c>
      <c r="I22" s="14">
        <f t="shared" si="1"/>
        <v>664</v>
      </c>
      <c r="J22" s="14">
        <f t="shared" si="1"/>
        <v>699</v>
      </c>
      <c r="K22" s="14">
        <f t="shared" si="1"/>
        <v>741</v>
      </c>
      <c r="L22" s="14">
        <f t="shared" si="1"/>
        <v>748</v>
      </c>
      <c r="M22" s="14">
        <f t="shared" si="1"/>
        <v>743</v>
      </c>
      <c r="N22" s="14">
        <f t="shared" si="1"/>
        <v>748</v>
      </c>
      <c r="O22" s="14">
        <f t="shared" si="1"/>
        <v>763</v>
      </c>
      <c r="P22" s="14">
        <f t="shared" si="1"/>
        <v>759</v>
      </c>
      <c r="Q22" s="14">
        <f t="shared" si="1"/>
        <v>762</v>
      </c>
    </row>
    <row r="23" spans="1:17" ht="23.25" customHeight="1" x14ac:dyDescent="0.2">
      <c r="A23" s="12" t="s">
        <v>76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82</v>
      </c>
      <c r="H23" s="14">
        <f t="shared" si="1"/>
        <v>191</v>
      </c>
      <c r="I23" s="14">
        <f t="shared" si="1"/>
        <v>287</v>
      </c>
      <c r="J23" s="14">
        <f t="shared" si="1"/>
        <v>312</v>
      </c>
      <c r="K23" s="14">
        <f t="shared" si="1"/>
        <v>327</v>
      </c>
      <c r="L23" s="14">
        <f t="shared" si="1"/>
        <v>330</v>
      </c>
      <c r="M23" s="14">
        <f t="shared" si="1"/>
        <v>367</v>
      </c>
      <c r="N23" s="14">
        <f t="shared" si="1"/>
        <v>393</v>
      </c>
      <c r="O23" s="14">
        <f t="shared" si="1"/>
        <v>401</v>
      </c>
      <c r="P23" s="14">
        <f t="shared" si="1"/>
        <v>429</v>
      </c>
      <c r="Q23" s="14">
        <f t="shared" si="1"/>
        <v>415</v>
      </c>
    </row>
    <row r="24" spans="1:17" ht="23.25" customHeight="1" x14ac:dyDescent="0.2">
      <c r="A24" s="12" t="s">
        <v>77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42</v>
      </c>
      <c r="H24" s="14">
        <f t="shared" si="1"/>
        <v>57</v>
      </c>
      <c r="I24" s="14">
        <f t="shared" si="1"/>
        <v>63</v>
      </c>
      <c r="J24" s="14">
        <f t="shared" si="1"/>
        <v>75</v>
      </c>
      <c r="K24" s="14">
        <f t="shared" si="1"/>
        <v>73</v>
      </c>
      <c r="L24" s="14">
        <f t="shared" si="1"/>
        <v>86</v>
      </c>
      <c r="M24" s="14">
        <f t="shared" si="1"/>
        <v>93</v>
      </c>
      <c r="N24" s="14">
        <f t="shared" si="1"/>
        <v>98</v>
      </c>
      <c r="O24" s="14">
        <f t="shared" si="1"/>
        <v>116</v>
      </c>
      <c r="P24" s="14">
        <f t="shared" si="1"/>
        <v>114</v>
      </c>
      <c r="Q24" s="14">
        <f t="shared" si="1"/>
        <v>118</v>
      </c>
    </row>
    <row r="25" spans="1:17" ht="23.25" customHeight="1" x14ac:dyDescent="0.2">
      <c r="A25" s="12" t="s">
        <v>78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8</v>
      </c>
      <c r="H25" s="14">
        <f t="shared" si="1"/>
        <v>10</v>
      </c>
      <c r="I25" s="14">
        <f t="shared" si="1"/>
        <v>15</v>
      </c>
      <c r="J25" s="14">
        <f t="shared" si="1"/>
        <v>16</v>
      </c>
      <c r="K25" s="14">
        <f t="shared" si="1"/>
        <v>12</v>
      </c>
      <c r="L25" s="14">
        <f t="shared" si="1"/>
        <v>12</v>
      </c>
      <c r="M25" s="14">
        <f t="shared" si="1"/>
        <v>16</v>
      </c>
      <c r="N25" s="14">
        <f t="shared" si="1"/>
        <v>24</v>
      </c>
      <c r="O25" s="14">
        <f t="shared" si="1"/>
        <v>23</v>
      </c>
      <c r="P25" s="14">
        <f t="shared" si="1"/>
        <v>20</v>
      </c>
      <c r="Q25" s="14">
        <f t="shared" si="1"/>
        <v>15</v>
      </c>
    </row>
    <row r="26" spans="1:17" ht="23.25" customHeight="1" x14ac:dyDescent="0.2">
      <c r="A26" s="15" t="s">
        <v>79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22860</v>
      </c>
      <c r="H26" s="17">
        <f>SUM(H5:H25)</f>
        <v>22768</v>
      </c>
      <c r="I26" s="17">
        <f t="shared" ref="I26:N26" si="2">SUM(I5:I25)</f>
        <v>22341</v>
      </c>
      <c r="J26" s="17">
        <f t="shared" si="2"/>
        <v>22135</v>
      </c>
      <c r="K26" s="17">
        <f t="shared" si="2"/>
        <v>22021</v>
      </c>
      <c r="L26" s="17">
        <f t="shared" si="2"/>
        <v>21913</v>
      </c>
      <c r="M26" s="17">
        <f t="shared" si="2"/>
        <v>21794</v>
      </c>
      <c r="N26" s="17">
        <f t="shared" si="2"/>
        <v>21653</v>
      </c>
      <c r="O26" s="17">
        <f>SUM(O5:O25)</f>
        <v>21529</v>
      </c>
      <c r="P26" s="17">
        <f>SUM(P5:P25)</f>
        <v>21353</v>
      </c>
      <c r="Q26" s="17">
        <f>SUM(Q5:Q25)</f>
        <v>21227</v>
      </c>
    </row>
    <row r="27" spans="1:17" ht="23.25" customHeight="1" x14ac:dyDescent="0.2">
      <c r="A27" s="52"/>
      <c r="B27" s="52"/>
      <c r="C27" s="52"/>
      <c r="D27" s="52"/>
      <c r="E27" s="52"/>
      <c r="F27" s="52"/>
      <c r="G27" s="52"/>
      <c r="H27" s="52"/>
      <c r="I27" s="52"/>
      <c r="J27" s="53"/>
      <c r="K27" s="53"/>
      <c r="L27" s="53"/>
      <c r="M27" s="53"/>
      <c r="N27" s="53"/>
      <c r="O27" s="53"/>
      <c r="P27" s="53"/>
      <c r="Q27" s="5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54" t="s">
        <v>7</v>
      </c>
      <c r="C31" s="54" t="s">
        <v>7</v>
      </c>
      <c r="D31" s="54" t="s">
        <v>7</v>
      </c>
      <c r="E31" s="54" t="s">
        <v>7</v>
      </c>
      <c r="F31" s="54" t="s">
        <v>7</v>
      </c>
      <c r="G31" s="55">
        <f t="shared" ref="G31:Q31" si="3">SUM(G5:G7)</f>
        <v>3240</v>
      </c>
      <c r="H31" s="55">
        <f t="shared" si="3"/>
        <v>3024</v>
      </c>
      <c r="I31" s="55">
        <f t="shared" si="3"/>
        <v>2718</v>
      </c>
      <c r="J31" s="55">
        <f t="shared" si="3"/>
        <v>2619</v>
      </c>
      <c r="K31" s="55">
        <f t="shared" si="3"/>
        <v>2513</v>
      </c>
      <c r="L31" s="55">
        <f t="shared" si="3"/>
        <v>2442</v>
      </c>
      <c r="M31" s="55">
        <f t="shared" si="3"/>
        <v>2415</v>
      </c>
      <c r="N31" s="55">
        <f t="shared" si="3"/>
        <v>2378</v>
      </c>
      <c r="O31" s="55">
        <f t="shared" si="3"/>
        <v>2344</v>
      </c>
      <c r="P31" s="55">
        <f t="shared" si="3"/>
        <v>2338</v>
      </c>
      <c r="Q31" s="55">
        <f t="shared" si="3"/>
        <v>2310</v>
      </c>
    </row>
    <row r="32" spans="1:17" ht="23.25" customHeight="1" x14ac:dyDescent="0.2">
      <c r="A32" s="9" t="s">
        <v>80</v>
      </c>
      <c r="B32" s="56" t="s">
        <v>7</v>
      </c>
      <c r="C32" s="56" t="s">
        <v>7</v>
      </c>
      <c r="D32" s="56" t="s">
        <v>7</v>
      </c>
      <c r="E32" s="56" t="s">
        <v>7</v>
      </c>
      <c r="F32" s="56" t="s">
        <v>7</v>
      </c>
      <c r="G32" s="57">
        <f t="shared" ref="G32:Q32" si="4">SUM(G8:G17)</f>
        <v>14628</v>
      </c>
      <c r="H32" s="57">
        <f t="shared" si="4"/>
        <v>14061</v>
      </c>
      <c r="I32" s="57">
        <f t="shared" si="4"/>
        <v>13222</v>
      </c>
      <c r="J32" s="57">
        <f t="shared" si="4"/>
        <v>13019</v>
      </c>
      <c r="K32" s="57">
        <f t="shared" si="4"/>
        <v>12963</v>
      </c>
      <c r="L32" s="57">
        <f t="shared" si="4"/>
        <v>12853</v>
      </c>
      <c r="M32" s="57">
        <f t="shared" si="4"/>
        <v>12685</v>
      </c>
      <c r="N32" s="57">
        <f t="shared" si="4"/>
        <v>12513</v>
      </c>
      <c r="O32" s="57">
        <f t="shared" si="4"/>
        <v>12412</v>
      </c>
      <c r="P32" s="57">
        <f t="shared" si="4"/>
        <v>12232</v>
      </c>
      <c r="Q32" s="57">
        <f t="shared" si="4"/>
        <v>12145</v>
      </c>
    </row>
    <row r="33" spans="1:21" ht="23.25" customHeight="1" x14ac:dyDescent="0.2">
      <c r="A33" s="12" t="s">
        <v>81</v>
      </c>
      <c r="B33" s="58" t="s">
        <v>7</v>
      </c>
      <c r="C33" s="58" t="s">
        <v>7</v>
      </c>
      <c r="D33" s="58" t="s">
        <v>7</v>
      </c>
      <c r="E33" s="58" t="s">
        <v>7</v>
      </c>
      <c r="F33" s="58" t="s">
        <v>7</v>
      </c>
      <c r="G33" s="59">
        <f t="shared" ref="G33:Q33" si="5">SUM(G18:G25)</f>
        <v>4992</v>
      </c>
      <c r="H33" s="59">
        <f t="shared" si="5"/>
        <v>5683</v>
      </c>
      <c r="I33" s="59">
        <f t="shared" si="5"/>
        <v>6401</v>
      </c>
      <c r="J33" s="59">
        <f t="shared" si="5"/>
        <v>6497</v>
      </c>
      <c r="K33" s="59">
        <f t="shared" si="5"/>
        <v>6545</v>
      </c>
      <c r="L33" s="59">
        <f t="shared" si="5"/>
        <v>6618</v>
      </c>
      <c r="M33" s="59">
        <f t="shared" si="5"/>
        <v>6694</v>
      </c>
      <c r="N33" s="59">
        <f t="shared" si="5"/>
        <v>6762</v>
      </c>
      <c r="O33" s="59">
        <f t="shared" si="5"/>
        <v>6773</v>
      </c>
      <c r="P33" s="59">
        <f t="shared" si="5"/>
        <v>6783</v>
      </c>
      <c r="Q33" s="59">
        <f t="shared" si="5"/>
        <v>6772</v>
      </c>
    </row>
    <row r="34" spans="1:21" ht="23.25" customHeight="1" x14ac:dyDescent="0.2">
      <c r="A34" s="15" t="s">
        <v>79</v>
      </c>
      <c r="B34" s="60" t="s">
        <v>7</v>
      </c>
      <c r="C34" s="60" t="s">
        <v>7</v>
      </c>
      <c r="D34" s="60" t="s">
        <v>7</v>
      </c>
      <c r="E34" s="60" t="s">
        <v>7</v>
      </c>
      <c r="F34" s="60" t="s">
        <v>7</v>
      </c>
      <c r="G34" s="61">
        <f>SUM(G31:G33)</f>
        <v>22860</v>
      </c>
      <c r="H34" s="61">
        <f>SUM(H31:H33)</f>
        <v>22768</v>
      </c>
      <c r="I34" s="61">
        <f t="shared" ref="I34:N34" si="6">SUM(I31:I33)</f>
        <v>22341</v>
      </c>
      <c r="J34" s="61">
        <f t="shared" si="6"/>
        <v>22135</v>
      </c>
      <c r="K34" s="61">
        <f t="shared" si="6"/>
        <v>22021</v>
      </c>
      <c r="L34" s="61">
        <f t="shared" si="6"/>
        <v>21913</v>
      </c>
      <c r="M34" s="61">
        <f t="shared" si="6"/>
        <v>21794</v>
      </c>
      <c r="N34" s="61">
        <f t="shared" si="6"/>
        <v>21653</v>
      </c>
      <c r="O34" s="61">
        <f>SUM(O31:O33)</f>
        <v>21529</v>
      </c>
      <c r="P34" s="61">
        <f>SUM(P31:P33)</f>
        <v>21353</v>
      </c>
      <c r="Q34" s="61">
        <f>SUM(Q31:Q33)</f>
        <v>21227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62" t="s">
        <v>7</v>
      </c>
      <c r="C39" s="62" t="s">
        <v>7</v>
      </c>
      <c r="D39" s="62" t="s">
        <v>7</v>
      </c>
      <c r="E39" s="62" t="s">
        <v>7</v>
      </c>
      <c r="F39" s="62" t="s">
        <v>7</v>
      </c>
      <c r="G39" s="63">
        <f t="shared" ref="G39:Q39" si="7">ROUND(G31/G34*100,1)</f>
        <v>14.2</v>
      </c>
      <c r="H39" s="63">
        <f t="shared" si="7"/>
        <v>13.3</v>
      </c>
      <c r="I39" s="63">
        <f t="shared" si="7"/>
        <v>12.2</v>
      </c>
      <c r="J39" s="63">
        <f t="shared" si="7"/>
        <v>11.8</v>
      </c>
      <c r="K39" s="63">
        <f t="shared" si="7"/>
        <v>11.4</v>
      </c>
      <c r="L39" s="63">
        <f t="shared" si="7"/>
        <v>11.1</v>
      </c>
      <c r="M39" s="63">
        <f t="shared" si="7"/>
        <v>11.1</v>
      </c>
      <c r="N39" s="63">
        <f t="shared" si="7"/>
        <v>11</v>
      </c>
      <c r="O39" s="63">
        <f t="shared" si="7"/>
        <v>10.9</v>
      </c>
      <c r="P39" s="63">
        <f t="shared" si="7"/>
        <v>10.9</v>
      </c>
      <c r="Q39" s="63">
        <f t="shared" si="7"/>
        <v>10.9</v>
      </c>
    </row>
    <row r="40" spans="1:21" ht="23.25" customHeight="1" x14ac:dyDescent="0.2">
      <c r="A40" s="9" t="s">
        <v>80</v>
      </c>
      <c r="B40" s="64" t="s">
        <v>7</v>
      </c>
      <c r="C40" s="64" t="s">
        <v>7</v>
      </c>
      <c r="D40" s="64" t="s">
        <v>7</v>
      </c>
      <c r="E40" s="64" t="s">
        <v>7</v>
      </c>
      <c r="F40" s="64" t="s">
        <v>7</v>
      </c>
      <c r="G40" s="65">
        <f t="shared" ref="G40:Q40" si="8">ROUND(G32/G34*100,1)</f>
        <v>64</v>
      </c>
      <c r="H40" s="65">
        <f t="shared" si="8"/>
        <v>61.8</v>
      </c>
      <c r="I40" s="65">
        <f t="shared" si="8"/>
        <v>59.2</v>
      </c>
      <c r="J40" s="65">
        <f t="shared" si="8"/>
        <v>58.8</v>
      </c>
      <c r="K40" s="65">
        <f t="shared" si="8"/>
        <v>58.9</v>
      </c>
      <c r="L40" s="65">
        <f t="shared" si="8"/>
        <v>58.7</v>
      </c>
      <c r="M40" s="65">
        <f t="shared" si="8"/>
        <v>58.2</v>
      </c>
      <c r="N40" s="65">
        <f t="shared" si="8"/>
        <v>57.8</v>
      </c>
      <c r="O40" s="65">
        <f t="shared" si="8"/>
        <v>57.7</v>
      </c>
      <c r="P40" s="65">
        <f t="shared" si="8"/>
        <v>57.3</v>
      </c>
      <c r="Q40" s="65">
        <f t="shared" si="8"/>
        <v>57.2</v>
      </c>
    </row>
    <row r="41" spans="1:21" ht="23.25" customHeight="1" x14ac:dyDescent="0.2">
      <c r="A41" s="12" t="s">
        <v>81</v>
      </c>
      <c r="B41" s="66" t="s">
        <v>7</v>
      </c>
      <c r="C41" s="66" t="s">
        <v>7</v>
      </c>
      <c r="D41" s="66" t="s">
        <v>7</v>
      </c>
      <c r="E41" s="66" t="s">
        <v>7</v>
      </c>
      <c r="F41" s="66" t="s">
        <v>7</v>
      </c>
      <c r="G41" s="67">
        <f t="shared" ref="G41:Q41" si="9">ROUND(G33/G34*100,1)</f>
        <v>21.8</v>
      </c>
      <c r="H41" s="67">
        <f t="shared" si="9"/>
        <v>25</v>
      </c>
      <c r="I41" s="67">
        <f t="shared" si="9"/>
        <v>28.7</v>
      </c>
      <c r="J41" s="67">
        <f t="shared" si="9"/>
        <v>29.4</v>
      </c>
      <c r="K41" s="67">
        <f t="shared" si="9"/>
        <v>29.7</v>
      </c>
      <c r="L41" s="67">
        <f t="shared" si="9"/>
        <v>30.2</v>
      </c>
      <c r="M41" s="67">
        <f t="shared" si="9"/>
        <v>30.7</v>
      </c>
      <c r="N41" s="67">
        <f t="shared" si="9"/>
        <v>31.2</v>
      </c>
      <c r="O41" s="67">
        <f t="shared" si="9"/>
        <v>31.5</v>
      </c>
      <c r="P41" s="67">
        <f t="shared" si="9"/>
        <v>31.8</v>
      </c>
      <c r="Q41" s="67">
        <f t="shared" si="9"/>
        <v>31.9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8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68"/>
      <c r="O82" s="68"/>
      <c r="P82" s="68"/>
      <c r="Q82" s="68"/>
      <c r="R82" s="68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83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567</v>
      </c>
      <c r="H84" s="8">
        <v>438</v>
      </c>
      <c r="I84" s="8">
        <v>400</v>
      </c>
      <c r="J84" s="8">
        <v>364</v>
      </c>
      <c r="K84" s="8">
        <v>376</v>
      </c>
      <c r="L84" s="69">
        <v>360</v>
      </c>
      <c r="M84" s="69">
        <v>381</v>
      </c>
      <c r="N84" s="21">
        <v>379</v>
      </c>
      <c r="O84" s="21">
        <v>374</v>
      </c>
      <c r="P84" s="21">
        <v>362</v>
      </c>
      <c r="Q84" s="21">
        <v>355</v>
      </c>
    </row>
    <row r="85" spans="1:20" ht="21.75" customHeight="1" x14ac:dyDescent="0.2">
      <c r="A85" s="6" t="s">
        <v>84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545</v>
      </c>
      <c r="H85" s="8">
        <v>583</v>
      </c>
      <c r="I85" s="8">
        <v>445</v>
      </c>
      <c r="J85" s="8">
        <v>468</v>
      </c>
      <c r="K85" s="8">
        <v>457</v>
      </c>
      <c r="L85" s="8">
        <v>437</v>
      </c>
      <c r="M85" s="8">
        <v>422</v>
      </c>
      <c r="N85" s="21">
        <v>413</v>
      </c>
      <c r="O85" s="21">
        <v>403</v>
      </c>
      <c r="P85" s="21">
        <v>423</v>
      </c>
      <c r="Q85" s="21">
        <v>415</v>
      </c>
    </row>
    <row r="86" spans="1:20" ht="21.75" customHeight="1" x14ac:dyDescent="0.2">
      <c r="A86" s="6" t="s">
        <v>85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592</v>
      </c>
      <c r="H86" s="8">
        <v>565</v>
      </c>
      <c r="I86" s="8">
        <v>570</v>
      </c>
      <c r="J86" s="8">
        <v>532</v>
      </c>
      <c r="K86" s="8">
        <v>490</v>
      </c>
      <c r="L86" s="8">
        <v>477</v>
      </c>
      <c r="M86" s="8">
        <v>455</v>
      </c>
      <c r="N86" s="21">
        <v>442</v>
      </c>
      <c r="O86" s="21">
        <v>458</v>
      </c>
      <c r="P86" s="21">
        <v>449</v>
      </c>
      <c r="Q86" s="21">
        <v>440</v>
      </c>
    </row>
    <row r="87" spans="1:20" ht="21.75" customHeight="1" x14ac:dyDescent="0.2">
      <c r="A87" s="9" t="s">
        <v>86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614</v>
      </c>
      <c r="H87" s="11">
        <v>581</v>
      </c>
      <c r="I87" s="11">
        <v>556</v>
      </c>
      <c r="J87" s="11">
        <v>557</v>
      </c>
      <c r="K87" s="11">
        <v>586</v>
      </c>
      <c r="L87" s="11">
        <v>563</v>
      </c>
      <c r="M87" s="11">
        <v>562</v>
      </c>
      <c r="N87" s="22">
        <v>550</v>
      </c>
      <c r="O87" s="22">
        <v>512</v>
      </c>
      <c r="P87" s="22">
        <v>472</v>
      </c>
      <c r="Q87" s="22">
        <v>462</v>
      </c>
    </row>
    <row r="88" spans="1:20" ht="21.75" customHeight="1" x14ac:dyDescent="0.2">
      <c r="A88" s="9" t="s">
        <v>87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627</v>
      </c>
      <c r="H88" s="11">
        <v>606</v>
      </c>
      <c r="I88" s="11">
        <v>548</v>
      </c>
      <c r="J88" s="11">
        <v>560</v>
      </c>
      <c r="K88" s="11">
        <v>548</v>
      </c>
      <c r="L88" s="11">
        <v>583</v>
      </c>
      <c r="M88" s="11">
        <v>539</v>
      </c>
      <c r="N88" s="22">
        <v>543</v>
      </c>
      <c r="O88" s="22">
        <v>527</v>
      </c>
      <c r="P88" s="22">
        <v>541</v>
      </c>
      <c r="Q88" s="22">
        <v>522</v>
      </c>
    </row>
    <row r="89" spans="1:20" ht="21.75" customHeight="1" x14ac:dyDescent="0.2">
      <c r="A89" s="9" t="s">
        <v>88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653</v>
      </c>
      <c r="H89" s="11">
        <v>647</v>
      </c>
      <c r="I89" s="11">
        <v>569</v>
      </c>
      <c r="J89" s="11">
        <v>533</v>
      </c>
      <c r="K89" s="11">
        <v>536</v>
      </c>
      <c r="L89" s="11">
        <v>513</v>
      </c>
      <c r="M89" s="11">
        <v>529</v>
      </c>
      <c r="N89" s="22">
        <v>538</v>
      </c>
      <c r="O89" s="22">
        <v>530</v>
      </c>
      <c r="P89" s="22">
        <v>495</v>
      </c>
      <c r="Q89" s="22">
        <v>536</v>
      </c>
    </row>
    <row r="90" spans="1:20" ht="21.75" customHeight="1" x14ac:dyDescent="0.2">
      <c r="A90" s="9" t="s">
        <v>89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842</v>
      </c>
      <c r="H90" s="11">
        <v>679</v>
      </c>
      <c r="I90" s="11">
        <v>655</v>
      </c>
      <c r="J90" s="11">
        <v>642</v>
      </c>
      <c r="K90" s="11">
        <v>634</v>
      </c>
      <c r="L90" s="11">
        <v>627</v>
      </c>
      <c r="M90" s="11">
        <v>610</v>
      </c>
      <c r="N90" s="22">
        <v>580</v>
      </c>
      <c r="O90" s="22">
        <v>580</v>
      </c>
      <c r="P90" s="22">
        <v>592</v>
      </c>
      <c r="Q90" s="22">
        <v>554</v>
      </c>
    </row>
    <row r="91" spans="1:20" ht="21.75" customHeight="1" x14ac:dyDescent="0.2">
      <c r="A91" s="9" t="s">
        <v>90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729</v>
      </c>
      <c r="H91" s="11">
        <v>828</v>
      </c>
      <c r="I91" s="11">
        <v>708</v>
      </c>
      <c r="J91" s="11">
        <v>657</v>
      </c>
      <c r="K91" s="11">
        <v>652</v>
      </c>
      <c r="L91" s="11">
        <v>638</v>
      </c>
      <c r="M91" s="11">
        <v>646</v>
      </c>
      <c r="N91" s="22">
        <v>655</v>
      </c>
      <c r="O91" s="22">
        <v>666</v>
      </c>
      <c r="P91" s="22">
        <v>654</v>
      </c>
      <c r="Q91" s="22">
        <v>641</v>
      </c>
    </row>
    <row r="92" spans="1:20" ht="21.75" customHeight="1" x14ac:dyDescent="0.2">
      <c r="A92" s="9" t="s">
        <v>91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730</v>
      </c>
      <c r="H92" s="11">
        <v>745</v>
      </c>
      <c r="I92" s="11">
        <v>826</v>
      </c>
      <c r="J92" s="11">
        <v>822</v>
      </c>
      <c r="K92" s="11">
        <v>792</v>
      </c>
      <c r="L92" s="11">
        <v>755</v>
      </c>
      <c r="M92" s="11">
        <v>737</v>
      </c>
      <c r="N92" s="22">
        <v>720</v>
      </c>
      <c r="O92" s="22">
        <v>676</v>
      </c>
      <c r="P92" s="22">
        <v>658</v>
      </c>
      <c r="Q92" s="22">
        <v>649</v>
      </c>
    </row>
    <row r="93" spans="1:20" ht="21.75" customHeight="1" x14ac:dyDescent="0.2">
      <c r="A93" s="9" t="s">
        <v>92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737</v>
      </c>
      <c r="H93" s="11">
        <v>731</v>
      </c>
      <c r="I93" s="11">
        <v>729</v>
      </c>
      <c r="J93" s="11">
        <v>778</v>
      </c>
      <c r="K93" s="11">
        <v>787</v>
      </c>
      <c r="L93" s="11">
        <v>804</v>
      </c>
      <c r="M93" s="11">
        <v>791</v>
      </c>
      <c r="N93" s="22">
        <v>822</v>
      </c>
      <c r="O93" s="22">
        <v>816</v>
      </c>
      <c r="P93" s="22">
        <v>791</v>
      </c>
      <c r="Q93" s="22">
        <v>766</v>
      </c>
    </row>
    <row r="94" spans="1:20" ht="21.75" customHeight="1" x14ac:dyDescent="0.2">
      <c r="A94" s="9" t="s">
        <v>93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818</v>
      </c>
      <c r="H94" s="11">
        <v>730</v>
      </c>
      <c r="I94" s="11">
        <v>715</v>
      </c>
      <c r="J94" s="11">
        <v>707</v>
      </c>
      <c r="K94" s="11">
        <v>735</v>
      </c>
      <c r="L94" s="11">
        <v>742</v>
      </c>
      <c r="M94" s="11">
        <v>729</v>
      </c>
      <c r="N94" s="22">
        <v>707</v>
      </c>
      <c r="O94" s="22">
        <v>755</v>
      </c>
      <c r="P94" s="22">
        <v>778</v>
      </c>
      <c r="Q94" s="22">
        <v>793</v>
      </c>
    </row>
    <row r="95" spans="1:20" ht="21.75" customHeight="1" x14ac:dyDescent="0.2">
      <c r="A95" s="9" t="s">
        <v>94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906</v>
      </c>
      <c r="H95" s="11">
        <v>807</v>
      </c>
      <c r="I95" s="11">
        <v>723</v>
      </c>
      <c r="J95" s="11">
        <v>718</v>
      </c>
      <c r="K95" s="11">
        <v>703</v>
      </c>
      <c r="L95" s="11">
        <v>694</v>
      </c>
      <c r="M95" s="11">
        <v>715</v>
      </c>
      <c r="N95" s="22">
        <v>719</v>
      </c>
      <c r="O95" s="22">
        <v>707</v>
      </c>
      <c r="P95" s="22">
        <v>711</v>
      </c>
      <c r="Q95" s="22">
        <v>727</v>
      </c>
    </row>
    <row r="96" spans="1:20" ht="21.75" customHeight="1" x14ac:dyDescent="0.2">
      <c r="A96" s="9" t="s">
        <v>95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734</v>
      </c>
      <c r="H96" s="11">
        <v>888</v>
      </c>
      <c r="I96" s="11">
        <v>789</v>
      </c>
      <c r="J96" s="11">
        <v>749</v>
      </c>
      <c r="K96" s="11">
        <v>745</v>
      </c>
      <c r="L96" s="11">
        <v>754</v>
      </c>
      <c r="M96" s="11">
        <v>718</v>
      </c>
      <c r="N96" s="22">
        <v>702</v>
      </c>
      <c r="O96" s="22">
        <v>684</v>
      </c>
      <c r="P96" s="22">
        <v>676</v>
      </c>
      <c r="Q96" s="22">
        <v>668</v>
      </c>
    </row>
    <row r="97" spans="1:17" ht="21.75" customHeight="1" x14ac:dyDescent="0.2">
      <c r="A97" s="12" t="s">
        <v>96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633</v>
      </c>
      <c r="H97" s="14">
        <v>714</v>
      </c>
      <c r="I97" s="14">
        <v>841</v>
      </c>
      <c r="J97" s="14">
        <v>907</v>
      </c>
      <c r="K97" s="14">
        <v>843</v>
      </c>
      <c r="L97" s="14">
        <v>789</v>
      </c>
      <c r="M97" s="14">
        <v>790</v>
      </c>
      <c r="N97" s="23">
        <v>745</v>
      </c>
      <c r="O97" s="23">
        <v>720</v>
      </c>
      <c r="P97" s="23">
        <v>704</v>
      </c>
      <c r="Q97" s="23">
        <v>715</v>
      </c>
    </row>
    <row r="98" spans="1:17" ht="21.75" customHeight="1" x14ac:dyDescent="0.2">
      <c r="A98" s="12" t="s">
        <v>97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577</v>
      </c>
      <c r="H98" s="14">
        <v>600</v>
      </c>
      <c r="I98" s="14">
        <v>641</v>
      </c>
      <c r="J98" s="14">
        <v>588</v>
      </c>
      <c r="K98" s="14">
        <v>626</v>
      </c>
      <c r="L98" s="14">
        <v>690</v>
      </c>
      <c r="M98" s="14">
        <v>729</v>
      </c>
      <c r="N98" s="23">
        <v>789</v>
      </c>
      <c r="O98" s="23">
        <v>846</v>
      </c>
      <c r="P98" s="23">
        <v>782</v>
      </c>
      <c r="Q98" s="23">
        <v>733</v>
      </c>
    </row>
    <row r="99" spans="1:17" ht="21.75" customHeight="1" x14ac:dyDescent="0.2">
      <c r="A99" s="12" t="s">
        <v>98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474</v>
      </c>
      <c r="H99" s="14">
        <v>472</v>
      </c>
      <c r="I99" s="14">
        <v>528</v>
      </c>
      <c r="J99" s="14">
        <v>539</v>
      </c>
      <c r="K99" s="14">
        <v>579</v>
      </c>
      <c r="L99" s="14">
        <v>572</v>
      </c>
      <c r="M99" s="14">
        <v>565</v>
      </c>
      <c r="N99" s="23">
        <v>564</v>
      </c>
      <c r="O99" s="23">
        <v>512</v>
      </c>
      <c r="P99" s="23">
        <v>557</v>
      </c>
      <c r="Q99" s="23">
        <v>599</v>
      </c>
    </row>
    <row r="100" spans="1:17" ht="21.75" customHeight="1" x14ac:dyDescent="0.2">
      <c r="A100" s="12" t="s">
        <v>99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50</v>
      </c>
      <c r="H100" s="14">
        <v>359</v>
      </c>
      <c r="I100" s="14">
        <v>361</v>
      </c>
      <c r="J100" s="14">
        <v>382</v>
      </c>
      <c r="K100" s="14">
        <v>378</v>
      </c>
      <c r="L100" s="14">
        <v>410</v>
      </c>
      <c r="M100" s="14">
        <v>411</v>
      </c>
      <c r="N100" s="23">
        <v>418</v>
      </c>
      <c r="O100" s="23">
        <v>428</v>
      </c>
      <c r="P100" s="23">
        <v>456</v>
      </c>
      <c r="Q100" s="23">
        <v>456</v>
      </c>
    </row>
    <row r="101" spans="1:17" ht="21.75" customHeight="1" x14ac:dyDescent="0.2">
      <c r="A101" s="12" t="s">
        <v>100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11</v>
      </c>
      <c r="H101" s="14">
        <v>167</v>
      </c>
      <c r="I101" s="14">
        <v>211</v>
      </c>
      <c r="J101" s="14">
        <v>212</v>
      </c>
      <c r="K101" s="14">
        <v>225</v>
      </c>
      <c r="L101" s="14">
        <v>225</v>
      </c>
      <c r="M101" s="14">
        <v>219</v>
      </c>
      <c r="N101" s="23">
        <v>222</v>
      </c>
      <c r="O101" s="23">
        <v>243</v>
      </c>
      <c r="P101" s="23">
        <v>247</v>
      </c>
      <c r="Q101" s="23">
        <v>264</v>
      </c>
    </row>
    <row r="102" spans="1:17" ht="21.75" customHeight="1" x14ac:dyDescent="0.2">
      <c r="A102" s="12" t="s">
        <v>101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49</v>
      </c>
      <c r="H102" s="14">
        <v>52</v>
      </c>
      <c r="I102" s="14">
        <v>85</v>
      </c>
      <c r="J102" s="14">
        <v>85</v>
      </c>
      <c r="K102" s="14">
        <v>95</v>
      </c>
      <c r="L102" s="14">
        <v>92</v>
      </c>
      <c r="M102" s="14">
        <v>91</v>
      </c>
      <c r="N102" s="23">
        <v>89</v>
      </c>
      <c r="O102" s="23">
        <v>86</v>
      </c>
      <c r="P102" s="23">
        <v>93</v>
      </c>
      <c r="Q102" s="23">
        <v>87</v>
      </c>
    </row>
    <row r="103" spans="1:17" ht="21.75" customHeight="1" x14ac:dyDescent="0.2">
      <c r="A103" s="12" t="s">
        <v>102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5</v>
      </c>
      <c r="H103" s="14">
        <v>11</v>
      </c>
      <c r="I103" s="14">
        <v>11</v>
      </c>
      <c r="J103" s="14">
        <v>17</v>
      </c>
      <c r="K103" s="14">
        <v>16</v>
      </c>
      <c r="L103" s="14">
        <v>17</v>
      </c>
      <c r="M103" s="14">
        <v>20</v>
      </c>
      <c r="N103" s="23">
        <v>16</v>
      </c>
      <c r="O103" s="23">
        <v>23</v>
      </c>
      <c r="P103" s="23">
        <v>18</v>
      </c>
      <c r="Q103" s="23">
        <v>20</v>
      </c>
    </row>
    <row r="104" spans="1:17" ht="21.75" customHeight="1" x14ac:dyDescent="0.2">
      <c r="A104" s="12" t="s">
        <v>103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1</v>
      </c>
      <c r="H104" s="14">
        <v>0</v>
      </c>
      <c r="I104" s="14">
        <v>0</v>
      </c>
      <c r="J104" s="14">
        <v>0</v>
      </c>
      <c r="K104" s="14">
        <v>0</v>
      </c>
      <c r="L104" s="14">
        <v>1</v>
      </c>
      <c r="M104" s="14">
        <v>2</v>
      </c>
      <c r="N104" s="23">
        <v>5</v>
      </c>
      <c r="O104" s="23">
        <v>5</v>
      </c>
      <c r="P104" s="23">
        <v>5</v>
      </c>
      <c r="Q104" s="23">
        <v>3</v>
      </c>
    </row>
    <row r="105" spans="1:17" ht="21.75" customHeight="1" x14ac:dyDescent="0.2">
      <c r="A105" s="15" t="s">
        <v>104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1194</v>
      </c>
      <c r="H105" s="17">
        <f t="shared" ref="H105:N105" si="10">SUM(H84:H104)</f>
        <v>11203</v>
      </c>
      <c r="I105" s="17">
        <f t="shared" si="10"/>
        <v>10911</v>
      </c>
      <c r="J105" s="17">
        <f t="shared" si="10"/>
        <v>10817</v>
      </c>
      <c r="K105" s="17">
        <f t="shared" si="10"/>
        <v>10803</v>
      </c>
      <c r="L105" s="17">
        <f t="shared" si="10"/>
        <v>10743</v>
      </c>
      <c r="M105" s="17">
        <f t="shared" si="10"/>
        <v>10661</v>
      </c>
      <c r="N105" s="17">
        <f t="shared" si="10"/>
        <v>10618</v>
      </c>
      <c r="O105" s="17">
        <f>SUM(O84:O104)</f>
        <v>10551</v>
      </c>
      <c r="P105" s="17">
        <f>SUM(P84:P104)</f>
        <v>10464</v>
      </c>
      <c r="Q105" s="17">
        <f>SUM(Q84:Q104)</f>
        <v>10405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68"/>
      <c r="M106" s="70"/>
      <c r="N106" s="68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105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1704</v>
      </c>
      <c r="H110" s="8">
        <f t="shared" si="11"/>
        <v>1586</v>
      </c>
      <c r="I110" s="8">
        <f t="shared" si="11"/>
        <v>1415</v>
      </c>
      <c r="J110" s="8">
        <f t="shared" si="11"/>
        <v>1364</v>
      </c>
      <c r="K110" s="8">
        <f t="shared" si="11"/>
        <v>1323</v>
      </c>
      <c r="L110" s="8">
        <f t="shared" si="11"/>
        <v>1274</v>
      </c>
      <c r="M110" s="8">
        <f t="shared" si="11"/>
        <v>1258</v>
      </c>
      <c r="N110" s="8">
        <f t="shared" si="11"/>
        <v>1234</v>
      </c>
      <c r="O110" s="8">
        <f t="shared" si="11"/>
        <v>1235</v>
      </c>
      <c r="P110" s="8">
        <f t="shared" si="11"/>
        <v>1234</v>
      </c>
      <c r="Q110" s="8">
        <v>1210</v>
      </c>
    </row>
    <row r="111" spans="1:17" ht="21.75" customHeight="1" x14ac:dyDescent="0.2">
      <c r="A111" s="9" t="s">
        <v>80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7390</v>
      </c>
      <c r="H111" s="11">
        <f t="shared" si="12"/>
        <v>7242</v>
      </c>
      <c r="I111" s="11">
        <f t="shared" si="12"/>
        <v>6818</v>
      </c>
      <c r="J111" s="11">
        <f t="shared" si="12"/>
        <v>6723</v>
      </c>
      <c r="K111" s="11">
        <f t="shared" si="12"/>
        <v>6718</v>
      </c>
      <c r="L111" s="11">
        <f t="shared" si="12"/>
        <v>6673</v>
      </c>
      <c r="M111" s="11">
        <f t="shared" si="12"/>
        <v>6576</v>
      </c>
      <c r="N111" s="11">
        <f t="shared" si="12"/>
        <v>6536</v>
      </c>
      <c r="O111" s="11">
        <f t="shared" si="12"/>
        <v>6453</v>
      </c>
      <c r="P111" s="11">
        <f t="shared" si="12"/>
        <v>6368</v>
      </c>
      <c r="Q111" s="11">
        <v>6318</v>
      </c>
    </row>
    <row r="112" spans="1:17" ht="21.75" customHeight="1" x14ac:dyDescent="0.2">
      <c r="A112" s="12" t="s">
        <v>81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100</v>
      </c>
      <c r="H112" s="14">
        <f t="shared" si="13"/>
        <v>2375</v>
      </c>
      <c r="I112" s="14">
        <f t="shared" si="13"/>
        <v>2678</v>
      </c>
      <c r="J112" s="14">
        <f t="shared" si="13"/>
        <v>2730</v>
      </c>
      <c r="K112" s="14">
        <f t="shared" si="13"/>
        <v>2762</v>
      </c>
      <c r="L112" s="14">
        <f t="shared" si="13"/>
        <v>2796</v>
      </c>
      <c r="M112" s="14">
        <f t="shared" si="13"/>
        <v>2827</v>
      </c>
      <c r="N112" s="14">
        <f t="shared" si="13"/>
        <v>2848</v>
      </c>
      <c r="O112" s="14">
        <f t="shared" si="13"/>
        <v>2863</v>
      </c>
      <c r="P112" s="14">
        <f t="shared" si="13"/>
        <v>2862</v>
      </c>
      <c r="Q112" s="14">
        <v>2877</v>
      </c>
    </row>
    <row r="113" spans="1:17" ht="21.75" customHeight="1" x14ac:dyDescent="0.2">
      <c r="A113" s="15" t="s">
        <v>79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1194</v>
      </c>
      <c r="H113" s="17">
        <f t="shared" ref="H113:N113" si="14">SUM(H110:H112)</f>
        <v>11203</v>
      </c>
      <c r="I113" s="17">
        <f t="shared" si="14"/>
        <v>10911</v>
      </c>
      <c r="J113" s="17">
        <f t="shared" si="14"/>
        <v>10817</v>
      </c>
      <c r="K113" s="17">
        <f t="shared" si="14"/>
        <v>10803</v>
      </c>
      <c r="L113" s="17">
        <f t="shared" si="14"/>
        <v>10743</v>
      </c>
      <c r="M113" s="17">
        <f t="shared" si="14"/>
        <v>10661</v>
      </c>
      <c r="N113" s="17">
        <f t="shared" si="14"/>
        <v>10618</v>
      </c>
      <c r="O113" s="17">
        <f>SUM(O110:O112)</f>
        <v>10551</v>
      </c>
      <c r="P113" s="17">
        <f>SUM(P110:P112)</f>
        <v>10464</v>
      </c>
      <c r="Q113" s="17">
        <f>SUM(Q110:Q112)</f>
        <v>10405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5.2</v>
      </c>
      <c r="H118" s="49">
        <f t="shared" si="15"/>
        <v>14.2</v>
      </c>
      <c r="I118" s="49">
        <f t="shared" si="15"/>
        <v>13</v>
      </c>
      <c r="J118" s="49">
        <f t="shared" si="15"/>
        <v>12.6</v>
      </c>
      <c r="K118" s="49">
        <f t="shared" si="15"/>
        <v>12.2</v>
      </c>
      <c r="L118" s="49">
        <f t="shared" si="15"/>
        <v>11.9</v>
      </c>
      <c r="M118" s="49">
        <f t="shared" si="15"/>
        <v>11.8</v>
      </c>
      <c r="N118" s="49">
        <f t="shared" si="15"/>
        <v>11.6</v>
      </c>
      <c r="O118" s="49">
        <f t="shared" si="15"/>
        <v>11.7</v>
      </c>
      <c r="P118" s="49">
        <f t="shared" si="15"/>
        <v>11.8</v>
      </c>
      <c r="Q118" s="49">
        <f t="shared" si="15"/>
        <v>11.6</v>
      </c>
    </row>
    <row r="119" spans="1:17" ht="21.75" customHeight="1" x14ac:dyDescent="0.2">
      <c r="A119" s="9" t="s">
        <v>80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6</v>
      </c>
      <c r="H119" s="50">
        <f t="shared" si="16"/>
        <v>64.599999999999994</v>
      </c>
      <c r="I119" s="50">
        <f t="shared" si="16"/>
        <v>62.5</v>
      </c>
      <c r="J119" s="50">
        <f t="shared" si="16"/>
        <v>62.2</v>
      </c>
      <c r="K119" s="50">
        <f t="shared" si="16"/>
        <v>62.2</v>
      </c>
      <c r="L119" s="50">
        <f t="shared" si="16"/>
        <v>62.1</v>
      </c>
      <c r="M119" s="50">
        <f t="shared" si="16"/>
        <v>61.7</v>
      </c>
      <c r="N119" s="50">
        <f t="shared" si="16"/>
        <v>61.6</v>
      </c>
      <c r="O119" s="50">
        <f t="shared" si="16"/>
        <v>61.2</v>
      </c>
      <c r="P119" s="50">
        <f t="shared" si="16"/>
        <v>60.9</v>
      </c>
      <c r="Q119" s="50">
        <f t="shared" si="16"/>
        <v>60.7</v>
      </c>
    </row>
    <row r="120" spans="1:17" ht="21.75" customHeight="1" x14ac:dyDescent="0.2">
      <c r="A120" s="12" t="s">
        <v>81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8.8</v>
      </c>
      <c r="H120" s="51">
        <f t="shared" si="17"/>
        <v>21.2</v>
      </c>
      <c r="I120" s="51">
        <f t="shared" si="17"/>
        <v>24.5</v>
      </c>
      <c r="J120" s="51">
        <f t="shared" si="17"/>
        <v>25.2</v>
      </c>
      <c r="K120" s="51">
        <f t="shared" si="17"/>
        <v>25.6</v>
      </c>
      <c r="L120" s="51">
        <f t="shared" si="17"/>
        <v>26</v>
      </c>
      <c r="M120" s="51">
        <f t="shared" si="17"/>
        <v>26.5</v>
      </c>
      <c r="N120" s="51">
        <f t="shared" si="17"/>
        <v>26.8</v>
      </c>
      <c r="O120" s="51">
        <f t="shared" si="17"/>
        <v>27.1</v>
      </c>
      <c r="P120" s="51">
        <f t="shared" si="17"/>
        <v>27.4</v>
      </c>
      <c r="Q120" s="51">
        <f t="shared" si="17"/>
        <v>27.7</v>
      </c>
    </row>
    <row r="121" spans="1:17" ht="21.75" customHeight="1" x14ac:dyDescent="0.2">
      <c r="A121" s="38" t="s">
        <v>106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68"/>
      <c r="N121" s="70"/>
      <c r="O121" s="3"/>
      <c r="P121" s="3"/>
      <c r="Q121" s="3"/>
    </row>
    <row r="122" spans="1:17" ht="21.75" customHeight="1" x14ac:dyDescent="0.2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68"/>
      <c r="N122" s="68"/>
      <c r="O122" s="3"/>
      <c r="P122" s="3"/>
      <c r="Q122" s="3"/>
    </row>
    <row r="123" spans="1:17" ht="21.75" customHeight="1" x14ac:dyDescent="0.2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68"/>
      <c r="N123" s="68"/>
      <c r="O123" s="3"/>
      <c r="P123" s="3"/>
      <c r="Q123" s="3"/>
    </row>
    <row r="124" spans="1:17" ht="21.75" customHeight="1" x14ac:dyDescent="0.2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68"/>
      <c r="N124" s="68"/>
      <c r="O124" s="3"/>
      <c r="P124" s="3"/>
      <c r="Q124" s="3"/>
    </row>
    <row r="125" spans="1:17" ht="21.75" customHeight="1" x14ac:dyDescent="0.2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68"/>
      <c r="N125" s="68"/>
      <c r="O125" s="3"/>
      <c r="P125" s="3"/>
      <c r="Q125" s="3"/>
    </row>
    <row r="126" spans="1:17" ht="21.75" customHeight="1" x14ac:dyDescent="0.2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68"/>
      <c r="N126" s="68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68"/>
      <c r="N127" s="68"/>
      <c r="O127" s="3"/>
      <c r="P127" s="3"/>
      <c r="Q127" s="3"/>
    </row>
    <row r="128" spans="1:17" ht="21.75" customHeight="1" x14ac:dyDescent="0.2">
      <c r="A128" s="2" t="s">
        <v>10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68"/>
      <c r="N128" s="68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83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491</v>
      </c>
      <c r="H130" s="8">
        <v>422</v>
      </c>
      <c r="I130" s="8">
        <v>363</v>
      </c>
      <c r="J130" s="8">
        <v>358</v>
      </c>
      <c r="K130" s="8">
        <v>355</v>
      </c>
      <c r="L130" s="69">
        <v>349</v>
      </c>
      <c r="M130" s="69">
        <v>354</v>
      </c>
      <c r="N130" s="21">
        <v>339</v>
      </c>
      <c r="O130" s="21">
        <v>334</v>
      </c>
      <c r="P130" s="21">
        <v>337</v>
      </c>
      <c r="Q130" s="21">
        <v>329</v>
      </c>
    </row>
    <row r="131" spans="1:17" ht="21.75" customHeight="1" x14ac:dyDescent="0.2">
      <c r="A131" s="6" t="s">
        <v>84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502</v>
      </c>
      <c r="H131" s="8">
        <v>505</v>
      </c>
      <c r="I131" s="8">
        <v>428</v>
      </c>
      <c r="J131" s="8">
        <v>398</v>
      </c>
      <c r="K131" s="8">
        <v>388</v>
      </c>
      <c r="L131" s="8">
        <v>384</v>
      </c>
      <c r="M131" s="8">
        <v>375</v>
      </c>
      <c r="N131" s="21">
        <v>379</v>
      </c>
      <c r="O131" s="21">
        <v>381</v>
      </c>
      <c r="P131" s="21">
        <v>371</v>
      </c>
      <c r="Q131" s="21">
        <v>380</v>
      </c>
    </row>
    <row r="132" spans="1:17" ht="21.75" customHeight="1" x14ac:dyDescent="0.2">
      <c r="A132" s="6" t="s">
        <v>85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543</v>
      </c>
      <c r="H132" s="8">
        <v>511</v>
      </c>
      <c r="I132" s="8">
        <v>512</v>
      </c>
      <c r="J132" s="8">
        <v>499</v>
      </c>
      <c r="K132" s="8">
        <v>447</v>
      </c>
      <c r="L132" s="8">
        <v>435</v>
      </c>
      <c r="M132" s="8">
        <v>428</v>
      </c>
      <c r="N132" s="21">
        <v>426</v>
      </c>
      <c r="O132" s="21">
        <v>394</v>
      </c>
      <c r="P132" s="21">
        <v>396</v>
      </c>
      <c r="Q132" s="21">
        <v>391</v>
      </c>
    </row>
    <row r="133" spans="1:17" ht="21.75" customHeight="1" x14ac:dyDescent="0.2">
      <c r="A133" s="9" t="s">
        <v>86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597</v>
      </c>
      <c r="H133" s="11">
        <v>521</v>
      </c>
      <c r="I133" s="11">
        <v>510</v>
      </c>
      <c r="J133" s="11">
        <v>541</v>
      </c>
      <c r="K133" s="11">
        <v>558</v>
      </c>
      <c r="L133" s="11">
        <v>551</v>
      </c>
      <c r="M133" s="11">
        <v>530</v>
      </c>
      <c r="N133" s="22">
        <v>491</v>
      </c>
      <c r="O133" s="22">
        <v>484</v>
      </c>
      <c r="P133" s="22">
        <v>437</v>
      </c>
      <c r="Q133" s="22">
        <v>432</v>
      </c>
    </row>
    <row r="134" spans="1:17" ht="21.75" customHeight="1" x14ac:dyDescent="0.2">
      <c r="A134" s="9" t="s">
        <v>87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618</v>
      </c>
      <c r="H134" s="11">
        <v>565</v>
      </c>
      <c r="I134" s="11">
        <v>496</v>
      </c>
      <c r="J134" s="11">
        <v>481</v>
      </c>
      <c r="K134" s="11">
        <v>475</v>
      </c>
      <c r="L134" s="11">
        <v>480</v>
      </c>
      <c r="M134" s="11">
        <v>485</v>
      </c>
      <c r="N134" s="22">
        <v>472</v>
      </c>
      <c r="O134" s="22">
        <v>502</v>
      </c>
      <c r="P134" s="22">
        <v>510</v>
      </c>
      <c r="Q134" s="22">
        <v>493</v>
      </c>
    </row>
    <row r="135" spans="1:17" ht="21.75" customHeight="1" x14ac:dyDescent="0.2">
      <c r="A135" s="9" t="s">
        <v>88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614</v>
      </c>
      <c r="H135" s="11">
        <v>553</v>
      </c>
      <c r="I135" s="11">
        <v>528</v>
      </c>
      <c r="J135" s="11">
        <v>463</v>
      </c>
      <c r="K135" s="11">
        <v>454</v>
      </c>
      <c r="L135" s="11">
        <v>449</v>
      </c>
      <c r="M135" s="11">
        <v>460</v>
      </c>
      <c r="N135" s="22">
        <v>450</v>
      </c>
      <c r="O135" s="22">
        <v>437</v>
      </c>
      <c r="P135" s="22">
        <v>428</v>
      </c>
      <c r="Q135" s="22">
        <v>417</v>
      </c>
    </row>
    <row r="136" spans="1:17" ht="21.75" customHeight="1" x14ac:dyDescent="0.2">
      <c r="A136" s="9" t="s">
        <v>89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780</v>
      </c>
      <c r="H136" s="11">
        <v>592</v>
      </c>
      <c r="I136" s="11">
        <v>544</v>
      </c>
      <c r="J136" s="11">
        <v>535</v>
      </c>
      <c r="K136" s="11">
        <v>517</v>
      </c>
      <c r="L136" s="11">
        <v>526</v>
      </c>
      <c r="M136" s="11">
        <v>533</v>
      </c>
      <c r="N136" s="22">
        <v>517</v>
      </c>
      <c r="O136" s="22">
        <v>509</v>
      </c>
      <c r="P136" s="22">
        <v>490</v>
      </c>
      <c r="Q136" s="22">
        <v>491</v>
      </c>
    </row>
    <row r="137" spans="1:17" ht="21.75" customHeight="1" x14ac:dyDescent="0.2">
      <c r="A137" s="9" t="s">
        <v>90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709</v>
      </c>
      <c r="H137" s="11">
        <v>778</v>
      </c>
      <c r="I137" s="11">
        <v>622</v>
      </c>
      <c r="J137" s="11">
        <v>603</v>
      </c>
      <c r="K137" s="11">
        <v>604</v>
      </c>
      <c r="L137" s="11">
        <v>567</v>
      </c>
      <c r="M137" s="11">
        <v>544</v>
      </c>
      <c r="N137" s="22">
        <v>558</v>
      </c>
      <c r="O137" s="22">
        <v>562</v>
      </c>
      <c r="P137" s="22">
        <v>540</v>
      </c>
      <c r="Q137" s="22">
        <v>561</v>
      </c>
    </row>
    <row r="138" spans="1:17" ht="21.75" customHeight="1" x14ac:dyDescent="0.2">
      <c r="A138" s="9" t="s">
        <v>91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697</v>
      </c>
      <c r="H138" s="11">
        <v>717</v>
      </c>
      <c r="I138" s="11">
        <v>790</v>
      </c>
      <c r="J138" s="11">
        <v>763</v>
      </c>
      <c r="K138" s="11">
        <v>724</v>
      </c>
      <c r="L138" s="11">
        <v>717</v>
      </c>
      <c r="M138" s="11">
        <v>680</v>
      </c>
      <c r="N138" s="22">
        <v>617</v>
      </c>
      <c r="O138" s="22">
        <v>601</v>
      </c>
      <c r="P138" s="22">
        <v>615</v>
      </c>
      <c r="Q138" s="22">
        <v>586</v>
      </c>
    </row>
    <row r="139" spans="1:17" ht="21.75" customHeight="1" x14ac:dyDescent="0.2">
      <c r="A139" s="9" t="s">
        <v>92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702</v>
      </c>
      <c r="H139" s="11">
        <v>696</v>
      </c>
      <c r="I139" s="11">
        <v>720</v>
      </c>
      <c r="J139" s="11">
        <v>766</v>
      </c>
      <c r="K139" s="11">
        <v>754</v>
      </c>
      <c r="L139" s="11">
        <v>757</v>
      </c>
      <c r="M139" s="11">
        <v>762</v>
      </c>
      <c r="N139" s="22">
        <v>773</v>
      </c>
      <c r="O139" s="22">
        <v>738</v>
      </c>
      <c r="P139" s="22">
        <v>705</v>
      </c>
      <c r="Q139" s="22">
        <v>707</v>
      </c>
    </row>
    <row r="140" spans="1:17" ht="21.75" customHeight="1" x14ac:dyDescent="0.2">
      <c r="A140" s="9" t="s">
        <v>93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798</v>
      </c>
      <c r="H140" s="11">
        <v>702</v>
      </c>
      <c r="I140" s="11">
        <v>704</v>
      </c>
      <c r="J140" s="11">
        <v>656</v>
      </c>
      <c r="K140" s="11">
        <v>699</v>
      </c>
      <c r="L140" s="11">
        <v>708</v>
      </c>
      <c r="M140" s="11">
        <v>707</v>
      </c>
      <c r="N140" s="22">
        <v>709</v>
      </c>
      <c r="O140" s="22">
        <v>764</v>
      </c>
      <c r="P140" s="22">
        <v>755</v>
      </c>
      <c r="Q140" s="22">
        <v>753</v>
      </c>
    </row>
    <row r="141" spans="1:17" ht="21.75" customHeight="1" x14ac:dyDescent="0.2">
      <c r="A141" s="9" t="s">
        <v>94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890</v>
      </c>
      <c r="H141" s="11">
        <v>795</v>
      </c>
      <c r="I141" s="11">
        <v>697</v>
      </c>
      <c r="J141" s="11">
        <v>713</v>
      </c>
      <c r="K141" s="11">
        <v>695</v>
      </c>
      <c r="L141" s="11">
        <v>689</v>
      </c>
      <c r="M141" s="11">
        <v>678</v>
      </c>
      <c r="N141" s="22">
        <v>698</v>
      </c>
      <c r="O141" s="22">
        <v>646</v>
      </c>
      <c r="P141" s="22">
        <v>694</v>
      </c>
      <c r="Q141" s="22">
        <v>704</v>
      </c>
    </row>
    <row r="142" spans="1:17" ht="21.75" customHeight="1" x14ac:dyDescent="0.2">
      <c r="A142" s="9" t="s">
        <v>95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833</v>
      </c>
      <c r="H142" s="11">
        <v>900</v>
      </c>
      <c r="I142" s="11">
        <v>793</v>
      </c>
      <c r="J142" s="11">
        <v>775</v>
      </c>
      <c r="K142" s="11">
        <v>765</v>
      </c>
      <c r="L142" s="11">
        <v>736</v>
      </c>
      <c r="M142" s="11">
        <v>730</v>
      </c>
      <c r="N142" s="22">
        <v>692</v>
      </c>
      <c r="O142" s="22">
        <v>716</v>
      </c>
      <c r="P142" s="22">
        <v>690</v>
      </c>
      <c r="Q142" s="22">
        <v>683</v>
      </c>
    </row>
    <row r="143" spans="1:17" ht="21.75" customHeight="1" x14ac:dyDescent="0.2">
      <c r="A143" s="12" t="s">
        <v>96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680</v>
      </c>
      <c r="H143" s="14">
        <v>834</v>
      </c>
      <c r="I143" s="14">
        <v>883</v>
      </c>
      <c r="J143" s="14">
        <v>926</v>
      </c>
      <c r="K143" s="14">
        <v>853</v>
      </c>
      <c r="L143" s="14">
        <v>807</v>
      </c>
      <c r="M143" s="14">
        <v>764</v>
      </c>
      <c r="N143" s="23">
        <v>773</v>
      </c>
      <c r="O143" s="23">
        <v>761</v>
      </c>
      <c r="P143" s="23">
        <v>751</v>
      </c>
      <c r="Q143" s="23">
        <v>733</v>
      </c>
    </row>
    <row r="144" spans="1:17" ht="21.75" customHeight="1" x14ac:dyDescent="0.2">
      <c r="A144" s="12" t="s">
        <v>97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759</v>
      </c>
      <c r="H144" s="14">
        <v>660</v>
      </c>
      <c r="I144" s="14">
        <v>820</v>
      </c>
      <c r="J144" s="14">
        <v>761</v>
      </c>
      <c r="K144" s="14">
        <v>788</v>
      </c>
      <c r="L144" s="14">
        <v>820</v>
      </c>
      <c r="M144" s="14">
        <v>842</v>
      </c>
      <c r="N144" s="23">
        <v>857</v>
      </c>
      <c r="O144" s="23">
        <v>896</v>
      </c>
      <c r="P144" s="23">
        <v>835</v>
      </c>
      <c r="Q144" s="23">
        <v>781</v>
      </c>
    </row>
    <row r="145" spans="1:17" ht="21.75" customHeight="1" x14ac:dyDescent="0.2">
      <c r="A145" s="12" t="s">
        <v>98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617</v>
      </c>
      <c r="H145" s="14">
        <v>735</v>
      </c>
      <c r="I145" s="14">
        <v>642</v>
      </c>
      <c r="J145" s="14">
        <v>647</v>
      </c>
      <c r="K145" s="14">
        <v>690</v>
      </c>
      <c r="L145" s="14">
        <v>728</v>
      </c>
      <c r="M145" s="14">
        <v>779</v>
      </c>
      <c r="N145" s="23">
        <v>774</v>
      </c>
      <c r="O145" s="23">
        <v>722</v>
      </c>
      <c r="P145" s="23">
        <v>753</v>
      </c>
      <c r="Q145" s="23">
        <v>779</v>
      </c>
    </row>
    <row r="146" spans="1:17" ht="21.75" customHeight="1" x14ac:dyDescent="0.2">
      <c r="A146" s="12" t="s">
        <v>99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411</v>
      </c>
      <c r="H146" s="14">
        <v>560</v>
      </c>
      <c r="I146" s="14">
        <v>656</v>
      </c>
      <c r="J146" s="14">
        <v>645</v>
      </c>
      <c r="K146" s="14">
        <v>635</v>
      </c>
      <c r="L146" s="14">
        <v>626</v>
      </c>
      <c r="M146" s="14">
        <v>595</v>
      </c>
      <c r="N146" s="23">
        <v>579</v>
      </c>
      <c r="O146" s="23">
        <v>585</v>
      </c>
      <c r="P146" s="23">
        <v>623</v>
      </c>
      <c r="Q146" s="23">
        <v>666</v>
      </c>
    </row>
    <row r="147" spans="1:17" ht="21.75" customHeight="1" x14ac:dyDescent="0.2">
      <c r="A147" s="12" t="s">
        <v>100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48</v>
      </c>
      <c r="H147" s="14">
        <v>324</v>
      </c>
      <c r="I147" s="14">
        <v>453</v>
      </c>
      <c r="J147" s="14">
        <v>487</v>
      </c>
      <c r="K147" s="14">
        <v>516</v>
      </c>
      <c r="L147" s="14">
        <v>523</v>
      </c>
      <c r="M147" s="14">
        <v>524</v>
      </c>
      <c r="N147" s="23">
        <v>526</v>
      </c>
      <c r="O147" s="23">
        <v>520</v>
      </c>
      <c r="P147" s="23">
        <v>512</v>
      </c>
      <c r="Q147" s="23">
        <v>498</v>
      </c>
    </row>
    <row r="148" spans="1:17" ht="21.75" customHeight="1" x14ac:dyDescent="0.2">
      <c r="A148" s="12" t="s">
        <v>101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33</v>
      </c>
      <c r="H148" s="14">
        <v>139</v>
      </c>
      <c r="I148" s="14">
        <v>202</v>
      </c>
      <c r="J148" s="14">
        <v>227</v>
      </c>
      <c r="K148" s="14">
        <v>232</v>
      </c>
      <c r="L148" s="14">
        <v>238</v>
      </c>
      <c r="M148" s="14">
        <v>276</v>
      </c>
      <c r="N148" s="23">
        <v>304</v>
      </c>
      <c r="O148" s="23">
        <v>315</v>
      </c>
      <c r="P148" s="23">
        <v>336</v>
      </c>
      <c r="Q148" s="23">
        <v>328</v>
      </c>
    </row>
    <row r="149" spans="1:17" ht="21.75" customHeight="1" x14ac:dyDescent="0.2">
      <c r="A149" s="12" t="s">
        <v>102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37</v>
      </c>
      <c r="H149" s="14">
        <v>46</v>
      </c>
      <c r="I149" s="14">
        <v>52</v>
      </c>
      <c r="J149" s="14">
        <v>58</v>
      </c>
      <c r="K149" s="14">
        <v>57</v>
      </c>
      <c r="L149" s="14">
        <v>69</v>
      </c>
      <c r="M149" s="14">
        <v>73</v>
      </c>
      <c r="N149" s="23">
        <v>82</v>
      </c>
      <c r="O149" s="23">
        <v>93</v>
      </c>
      <c r="P149" s="23">
        <v>96</v>
      </c>
      <c r="Q149" s="23">
        <v>98</v>
      </c>
    </row>
    <row r="150" spans="1:17" ht="21.75" customHeight="1" x14ac:dyDescent="0.2">
      <c r="A150" s="12" t="s">
        <v>103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7</v>
      </c>
      <c r="H150" s="14">
        <v>10</v>
      </c>
      <c r="I150" s="14">
        <v>15</v>
      </c>
      <c r="J150" s="14">
        <v>16</v>
      </c>
      <c r="K150" s="14">
        <v>12</v>
      </c>
      <c r="L150" s="14">
        <v>11</v>
      </c>
      <c r="M150" s="14">
        <v>14</v>
      </c>
      <c r="N150" s="23">
        <v>19</v>
      </c>
      <c r="O150" s="23">
        <v>18</v>
      </c>
      <c r="P150" s="23">
        <v>15</v>
      </c>
      <c r="Q150" s="23">
        <v>12</v>
      </c>
    </row>
    <row r="151" spans="1:17" ht="21.75" customHeight="1" x14ac:dyDescent="0.2">
      <c r="A151" s="15" t="s">
        <v>108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1666</v>
      </c>
      <c r="H151" s="17">
        <f t="shared" ref="H151:N151" si="18">SUM(H130:H150)</f>
        <v>11565</v>
      </c>
      <c r="I151" s="17">
        <f t="shared" si="18"/>
        <v>11430</v>
      </c>
      <c r="J151" s="17">
        <f t="shared" si="18"/>
        <v>11318</v>
      </c>
      <c r="K151" s="17">
        <f t="shared" si="18"/>
        <v>11218</v>
      </c>
      <c r="L151" s="17">
        <f t="shared" si="18"/>
        <v>11170</v>
      </c>
      <c r="M151" s="17">
        <f t="shared" si="18"/>
        <v>11133</v>
      </c>
      <c r="N151" s="17">
        <f t="shared" si="18"/>
        <v>11035</v>
      </c>
      <c r="O151" s="17">
        <f>SUM(O130:O150)</f>
        <v>10978</v>
      </c>
      <c r="P151" s="17">
        <f>SUM(P130:P150)</f>
        <v>10889</v>
      </c>
      <c r="Q151" s="17">
        <f>SUM(Q130:Q150)</f>
        <v>1082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71"/>
      <c r="N152" s="71"/>
      <c r="O152" s="71"/>
      <c r="P152" s="3"/>
      <c r="Q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105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1536</v>
      </c>
      <c r="H156" s="8">
        <f t="shared" si="19"/>
        <v>1438</v>
      </c>
      <c r="I156" s="8">
        <f t="shared" si="19"/>
        <v>1303</v>
      </c>
      <c r="J156" s="8">
        <f t="shared" si="19"/>
        <v>1255</v>
      </c>
      <c r="K156" s="8">
        <f t="shared" si="19"/>
        <v>1190</v>
      </c>
      <c r="L156" s="8">
        <f t="shared" si="19"/>
        <v>1168</v>
      </c>
      <c r="M156" s="8">
        <f t="shared" si="19"/>
        <v>1157</v>
      </c>
      <c r="N156" s="8">
        <f t="shared" si="19"/>
        <v>1144</v>
      </c>
      <c r="O156" s="8">
        <f t="shared" si="19"/>
        <v>1109</v>
      </c>
      <c r="P156" s="8">
        <f t="shared" si="19"/>
        <v>1104</v>
      </c>
      <c r="Q156" s="8">
        <v>1100</v>
      </c>
    </row>
    <row r="157" spans="1:17" ht="21.75" customHeight="1" x14ac:dyDescent="0.2">
      <c r="A157" s="9" t="s">
        <v>80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7238</v>
      </c>
      <c r="H157" s="11">
        <f t="shared" si="20"/>
        <v>6819</v>
      </c>
      <c r="I157" s="11">
        <f t="shared" si="20"/>
        <v>6404</v>
      </c>
      <c r="J157" s="11">
        <f t="shared" si="20"/>
        <v>6296</v>
      </c>
      <c r="K157" s="11">
        <f t="shared" si="20"/>
        <v>6245</v>
      </c>
      <c r="L157" s="11">
        <f t="shared" si="20"/>
        <v>6180</v>
      </c>
      <c r="M157" s="11">
        <f t="shared" si="20"/>
        <v>6109</v>
      </c>
      <c r="N157" s="11">
        <f t="shared" si="20"/>
        <v>5977</v>
      </c>
      <c r="O157" s="11">
        <f t="shared" si="20"/>
        <v>5959</v>
      </c>
      <c r="P157" s="11">
        <f t="shared" si="20"/>
        <v>5864</v>
      </c>
      <c r="Q157" s="11">
        <v>5827</v>
      </c>
    </row>
    <row r="158" spans="1:17" ht="21.75" customHeight="1" x14ac:dyDescent="0.2">
      <c r="A158" s="12" t="s">
        <v>81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892</v>
      </c>
      <c r="H158" s="14">
        <f t="shared" si="21"/>
        <v>3308</v>
      </c>
      <c r="I158" s="14">
        <f t="shared" si="21"/>
        <v>3723</v>
      </c>
      <c r="J158" s="14">
        <f t="shared" si="21"/>
        <v>3767</v>
      </c>
      <c r="K158" s="14">
        <f t="shared" si="21"/>
        <v>3783</v>
      </c>
      <c r="L158" s="14">
        <f t="shared" si="21"/>
        <v>3822</v>
      </c>
      <c r="M158" s="14">
        <f t="shared" si="21"/>
        <v>3867</v>
      </c>
      <c r="N158" s="14">
        <f t="shared" si="21"/>
        <v>3914</v>
      </c>
      <c r="O158" s="14">
        <f t="shared" si="21"/>
        <v>3910</v>
      </c>
      <c r="P158" s="14">
        <f t="shared" si="21"/>
        <v>3921</v>
      </c>
      <c r="Q158" s="14">
        <v>3895</v>
      </c>
    </row>
    <row r="159" spans="1:17" ht="21.75" customHeight="1" x14ac:dyDescent="0.2">
      <c r="A159" s="15" t="s">
        <v>79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1666</v>
      </c>
      <c r="H159" s="17">
        <f t="shared" ref="H159:N159" si="22">SUM(H156:H158)</f>
        <v>11565</v>
      </c>
      <c r="I159" s="17">
        <f t="shared" si="22"/>
        <v>11430</v>
      </c>
      <c r="J159" s="17">
        <f t="shared" si="22"/>
        <v>11318</v>
      </c>
      <c r="K159" s="17">
        <f t="shared" si="22"/>
        <v>11218</v>
      </c>
      <c r="L159" s="17">
        <f t="shared" si="22"/>
        <v>11170</v>
      </c>
      <c r="M159" s="17">
        <f t="shared" si="22"/>
        <v>11133</v>
      </c>
      <c r="N159" s="17">
        <f t="shared" si="22"/>
        <v>11035</v>
      </c>
      <c r="O159" s="17">
        <f>SUM(O156:O158)</f>
        <v>10978</v>
      </c>
      <c r="P159" s="17">
        <f>SUM(P156:P158)</f>
        <v>10889</v>
      </c>
      <c r="Q159" s="17">
        <f>SUM(Q156:Q158)</f>
        <v>1082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3.2</v>
      </c>
      <c r="H164" s="49">
        <f t="shared" si="23"/>
        <v>12.4</v>
      </c>
      <c r="I164" s="49">
        <f t="shared" si="23"/>
        <v>11.4</v>
      </c>
      <c r="J164" s="49">
        <f t="shared" si="23"/>
        <v>11.1</v>
      </c>
      <c r="K164" s="49">
        <f t="shared" si="23"/>
        <v>10.6</v>
      </c>
      <c r="L164" s="49">
        <f t="shared" si="23"/>
        <v>10.5</v>
      </c>
      <c r="M164" s="49">
        <f t="shared" si="23"/>
        <v>10.4</v>
      </c>
      <c r="N164" s="49">
        <f t="shared" si="23"/>
        <v>10.4</v>
      </c>
      <c r="O164" s="49">
        <f t="shared" si="23"/>
        <v>10.1</v>
      </c>
      <c r="P164" s="49">
        <f t="shared" si="23"/>
        <v>10.1</v>
      </c>
      <c r="Q164" s="49">
        <f t="shared" si="23"/>
        <v>10.199999999999999</v>
      </c>
    </row>
    <row r="165" spans="1:20" ht="21.75" customHeight="1" x14ac:dyDescent="0.2">
      <c r="A165" s="9" t="s">
        <v>80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2</v>
      </c>
      <c r="H165" s="50">
        <f t="shared" si="24"/>
        <v>59</v>
      </c>
      <c r="I165" s="50">
        <f t="shared" si="24"/>
        <v>56</v>
      </c>
      <c r="J165" s="50">
        <f t="shared" si="24"/>
        <v>55.6</v>
      </c>
      <c r="K165" s="50">
        <f t="shared" si="24"/>
        <v>55.7</v>
      </c>
      <c r="L165" s="50">
        <f t="shared" si="24"/>
        <v>55.3</v>
      </c>
      <c r="M165" s="50">
        <f t="shared" si="24"/>
        <v>54.9</v>
      </c>
      <c r="N165" s="50">
        <f t="shared" si="24"/>
        <v>54.2</v>
      </c>
      <c r="O165" s="50">
        <f t="shared" si="24"/>
        <v>54.3</v>
      </c>
      <c r="P165" s="50">
        <f t="shared" si="24"/>
        <v>53.9</v>
      </c>
      <c r="Q165" s="50">
        <f t="shared" si="24"/>
        <v>53.8</v>
      </c>
    </row>
    <row r="166" spans="1:20" ht="21.75" customHeight="1" x14ac:dyDescent="0.2">
      <c r="A166" s="12" t="s">
        <v>81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4.8</v>
      </c>
      <c r="H166" s="51">
        <f t="shared" si="25"/>
        <v>28.6</v>
      </c>
      <c r="I166" s="51">
        <f t="shared" si="25"/>
        <v>32.6</v>
      </c>
      <c r="J166" s="51">
        <f t="shared" si="25"/>
        <v>33.299999999999997</v>
      </c>
      <c r="K166" s="51">
        <f t="shared" si="25"/>
        <v>33.700000000000003</v>
      </c>
      <c r="L166" s="51">
        <f t="shared" si="25"/>
        <v>34.200000000000003</v>
      </c>
      <c r="M166" s="51">
        <f t="shared" si="25"/>
        <v>34.700000000000003</v>
      </c>
      <c r="N166" s="51">
        <f t="shared" si="25"/>
        <v>35.5</v>
      </c>
      <c r="O166" s="51">
        <f t="shared" si="25"/>
        <v>35.6</v>
      </c>
      <c r="P166" s="51">
        <f t="shared" si="25"/>
        <v>36</v>
      </c>
      <c r="Q166" s="51">
        <f t="shared" si="25"/>
        <v>36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6</vt:i4>
      </vt:variant>
    </vt:vector>
  </HeadingPairs>
  <TitlesOfParts>
    <vt:vector size="12" baseType="lpstr">
      <vt:lpstr>０１０１下タ</vt:lpstr>
      <vt:lpstr>０１０２小羽</vt:lpstr>
      <vt:lpstr>０１０３船峅</vt:lpstr>
      <vt:lpstr>０１０４大沢野</vt:lpstr>
      <vt:lpstr>０１０５大久保</vt:lpstr>
      <vt:lpstr>大沢野地域計</vt:lpstr>
      <vt:lpstr>'０１０１下タ'!Print_Area</vt:lpstr>
      <vt:lpstr>'０１０２小羽'!Print_Area</vt:lpstr>
      <vt:lpstr>'０１０３船峅'!Print_Area</vt:lpstr>
      <vt:lpstr>'０１０４大沢野'!Print_Area</vt:lpstr>
      <vt:lpstr>'０１０５大久保'!Print_Area</vt:lpstr>
      <vt:lpstr>大沢野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4:51Z</dcterms:created>
  <dcterms:modified xsi:type="dcterms:W3CDTF">2023-11-07T00:25:31Z</dcterms:modified>
</cp:coreProperties>
</file>